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9" r:id="rId4"/>
    <p:sldMasterId id="2147483648" r:id="rId5"/>
  </p:sldMasterIdLst>
  <p:notesMasterIdLst>
    <p:notesMasterId r:id="rId32"/>
  </p:notesMasterIdLst>
  <p:sldIdLst>
    <p:sldId id="285" r:id="rId6"/>
    <p:sldId id="284" r:id="rId7"/>
    <p:sldId id="282" r:id="rId8"/>
    <p:sldId id="281" r:id="rId9"/>
    <p:sldId id="279" r:id="rId10"/>
    <p:sldId id="278" r:id="rId11"/>
    <p:sldId id="277" r:id="rId12"/>
    <p:sldId id="276" r:id="rId13"/>
    <p:sldId id="275" r:id="rId14"/>
    <p:sldId id="274" r:id="rId15"/>
    <p:sldId id="273" r:id="rId16"/>
    <p:sldId id="272" r:id="rId17"/>
    <p:sldId id="271" r:id="rId18"/>
    <p:sldId id="270" r:id="rId19"/>
    <p:sldId id="269" r:id="rId20"/>
    <p:sldId id="268" r:id="rId21"/>
    <p:sldId id="267" r:id="rId22"/>
    <p:sldId id="266" r:id="rId23"/>
    <p:sldId id="265" r:id="rId24"/>
    <p:sldId id="264" r:id="rId25"/>
    <p:sldId id="263" r:id="rId26"/>
    <p:sldId id="262" r:id="rId27"/>
    <p:sldId id="261" r:id="rId28"/>
    <p:sldId id="260" r:id="rId29"/>
    <p:sldId id="258" r:id="rId30"/>
    <p:sldId id="257" r:id="rId3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D345C3F-C4FD-3F40-B648-7C4C1F9B3A07}" v="106" dt="2023-09-12T08:28:05.40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31" autoAdjust="0"/>
    <p:restoredTop sz="96327"/>
  </p:normalViewPr>
  <p:slideViewPr>
    <p:cSldViewPr snapToGrid="0">
      <p:cViewPr varScale="1">
        <p:scale>
          <a:sx n="123" d="100"/>
          <a:sy n="123" d="100"/>
        </p:scale>
        <p:origin x="416" y="19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21" Type="http://schemas.openxmlformats.org/officeDocument/2006/relationships/slide" Target="slides/slide16.xml"/><Relationship Id="rId34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presProps" Target="presProps.xml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notesMaster" Target="notesMasters/notesMaster1.xml"/><Relationship Id="rId37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theme" Target="theme/theme1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Olivia Moe Kempel" userId="S::au692781@uni.au.dk::ac1fc121-b6f3-4cde-8cef-b1248cc16c92" providerId="AD" clId="Web-{962BBB59-C876-459A-AB54-CAF7A1196A9F}"/>
    <pc:docChg chg="addSld delSld addMainMaster modMainMaster">
      <pc:chgData name="Olivia Moe Kempel" userId="S::au692781@uni.au.dk::ac1fc121-b6f3-4cde-8cef-b1248cc16c92" providerId="AD" clId="Web-{962BBB59-C876-459A-AB54-CAF7A1196A9F}" dt="2023-08-14T16:24:16.807" v="29"/>
      <pc:docMkLst>
        <pc:docMk/>
      </pc:docMkLst>
      <pc:sldChg chg="del">
        <pc:chgData name="Olivia Moe Kempel" userId="S::au692781@uni.au.dk::ac1fc121-b6f3-4cde-8cef-b1248cc16c92" providerId="AD" clId="Web-{962BBB59-C876-459A-AB54-CAF7A1196A9F}" dt="2023-08-14T16:24:16.807" v="29"/>
        <pc:sldMkLst>
          <pc:docMk/>
          <pc:sldMk cId="3424942676" sldId="256"/>
        </pc:sldMkLst>
      </pc:sldChg>
      <pc:sldChg chg="add">
        <pc:chgData name="Olivia Moe Kempel" userId="S::au692781@uni.au.dk::ac1fc121-b6f3-4cde-8cef-b1248cc16c92" providerId="AD" clId="Web-{962BBB59-C876-459A-AB54-CAF7A1196A9F}" dt="2023-08-14T16:23:56.681" v="0"/>
        <pc:sldMkLst>
          <pc:docMk/>
          <pc:sldMk cId="2034336350" sldId="257"/>
        </pc:sldMkLst>
      </pc:sldChg>
      <pc:sldChg chg="add">
        <pc:chgData name="Olivia Moe Kempel" userId="S::au692781@uni.au.dk::ac1fc121-b6f3-4cde-8cef-b1248cc16c92" providerId="AD" clId="Web-{962BBB59-C876-459A-AB54-CAF7A1196A9F}" dt="2023-08-14T16:23:56.963" v="1"/>
        <pc:sldMkLst>
          <pc:docMk/>
          <pc:sldMk cId="2942982532" sldId="258"/>
        </pc:sldMkLst>
      </pc:sldChg>
      <pc:sldChg chg="add">
        <pc:chgData name="Olivia Moe Kempel" userId="S::au692781@uni.au.dk::ac1fc121-b6f3-4cde-8cef-b1248cc16c92" providerId="AD" clId="Web-{962BBB59-C876-459A-AB54-CAF7A1196A9F}" dt="2023-08-14T16:23:57.228" v="2"/>
        <pc:sldMkLst>
          <pc:docMk/>
          <pc:sldMk cId="3510927884" sldId="259"/>
        </pc:sldMkLst>
      </pc:sldChg>
      <pc:sldChg chg="add">
        <pc:chgData name="Olivia Moe Kempel" userId="S::au692781@uni.au.dk::ac1fc121-b6f3-4cde-8cef-b1248cc16c92" providerId="AD" clId="Web-{962BBB59-C876-459A-AB54-CAF7A1196A9F}" dt="2023-08-14T16:23:57.650" v="3"/>
        <pc:sldMkLst>
          <pc:docMk/>
          <pc:sldMk cId="4055635348" sldId="260"/>
        </pc:sldMkLst>
      </pc:sldChg>
      <pc:sldChg chg="add">
        <pc:chgData name="Olivia Moe Kempel" userId="S::au692781@uni.au.dk::ac1fc121-b6f3-4cde-8cef-b1248cc16c92" providerId="AD" clId="Web-{962BBB59-C876-459A-AB54-CAF7A1196A9F}" dt="2023-08-14T16:23:57.931" v="4"/>
        <pc:sldMkLst>
          <pc:docMk/>
          <pc:sldMk cId="256457096" sldId="261"/>
        </pc:sldMkLst>
      </pc:sldChg>
      <pc:sldChg chg="add">
        <pc:chgData name="Olivia Moe Kempel" userId="S::au692781@uni.au.dk::ac1fc121-b6f3-4cde-8cef-b1248cc16c92" providerId="AD" clId="Web-{962BBB59-C876-459A-AB54-CAF7A1196A9F}" dt="2023-08-14T16:23:58.447" v="5"/>
        <pc:sldMkLst>
          <pc:docMk/>
          <pc:sldMk cId="654158589" sldId="262"/>
        </pc:sldMkLst>
      </pc:sldChg>
      <pc:sldChg chg="add">
        <pc:chgData name="Olivia Moe Kempel" userId="S::au692781@uni.au.dk::ac1fc121-b6f3-4cde-8cef-b1248cc16c92" providerId="AD" clId="Web-{962BBB59-C876-459A-AB54-CAF7A1196A9F}" dt="2023-08-14T16:23:58.775" v="6"/>
        <pc:sldMkLst>
          <pc:docMk/>
          <pc:sldMk cId="1353879926" sldId="263"/>
        </pc:sldMkLst>
      </pc:sldChg>
      <pc:sldChg chg="add">
        <pc:chgData name="Olivia Moe Kempel" userId="S::au692781@uni.au.dk::ac1fc121-b6f3-4cde-8cef-b1248cc16c92" providerId="AD" clId="Web-{962BBB59-C876-459A-AB54-CAF7A1196A9F}" dt="2023-08-14T16:23:59.150" v="7"/>
        <pc:sldMkLst>
          <pc:docMk/>
          <pc:sldMk cId="3516931667" sldId="264"/>
        </pc:sldMkLst>
      </pc:sldChg>
      <pc:sldChg chg="add">
        <pc:chgData name="Olivia Moe Kempel" userId="S::au692781@uni.au.dk::ac1fc121-b6f3-4cde-8cef-b1248cc16c92" providerId="AD" clId="Web-{962BBB59-C876-459A-AB54-CAF7A1196A9F}" dt="2023-08-14T16:23:59.525" v="8"/>
        <pc:sldMkLst>
          <pc:docMk/>
          <pc:sldMk cId="4225112472" sldId="265"/>
        </pc:sldMkLst>
      </pc:sldChg>
      <pc:sldChg chg="add">
        <pc:chgData name="Olivia Moe Kempel" userId="S::au692781@uni.au.dk::ac1fc121-b6f3-4cde-8cef-b1248cc16c92" providerId="AD" clId="Web-{962BBB59-C876-459A-AB54-CAF7A1196A9F}" dt="2023-08-14T16:23:59.885" v="9"/>
        <pc:sldMkLst>
          <pc:docMk/>
          <pc:sldMk cId="3602847142" sldId="266"/>
        </pc:sldMkLst>
      </pc:sldChg>
      <pc:sldChg chg="add">
        <pc:chgData name="Olivia Moe Kempel" userId="S::au692781@uni.au.dk::ac1fc121-b6f3-4cde-8cef-b1248cc16c92" providerId="AD" clId="Web-{962BBB59-C876-459A-AB54-CAF7A1196A9F}" dt="2023-08-14T16:24:00.181" v="10"/>
        <pc:sldMkLst>
          <pc:docMk/>
          <pc:sldMk cId="1066554755" sldId="267"/>
        </pc:sldMkLst>
      </pc:sldChg>
      <pc:sldChg chg="add">
        <pc:chgData name="Olivia Moe Kempel" userId="S::au692781@uni.au.dk::ac1fc121-b6f3-4cde-8cef-b1248cc16c92" providerId="AD" clId="Web-{962BBB59-C876-459A-AB54-CAF7A1196A9F}" dt="2023-08-14T16:24:00.478" v="11"/>
        <pc:sldMkLst>
          <pc:docMk/>
          <pc:sldMk cId="1868276558" sldId="268"/>
        </pc:sldMkLst>
      </pc:sldChg>
      <pc:sldChg chg="add">
        <pc:chgData name="Olivia Moe Kempel" userId="S::au692781@uni.au.dk::ac1fc121-b6f3-4cde-8cef-b1248cc16c92" providerId="AD" clId="Web-{962BBB59-C876-459A-AB54-CAF7A1196A9F}" dt="2023-08-14T16:24:00.807" v="12"/>
        <pc:sldMkLst>
          <pc:docMk/>
          <pc:sldMk cId="4219950766" sldId="269"/>
        </pc:sldMkLst>
      </pc:sldChg>
      <pc:sldChg chg="add">
        <pc:chgData name="Olivia Moe Kempel" userId="S::au692781@uni.au.dk::ac1fc121-b6f3-4cde-8cef-b1248cc16c92" providerId="AD" clId="Web-{962BBB59-C876-459A-AB54-CAF7A1196A9F}" dt="2023-08-14T16:24:01.166" v="13"/>
        <pc:sldMkLst>
          <pc:docMk/>
          <pc:sldMk cId="3128914080" sldId="270"/>
        </pc:sldMkLst>
      </pc:sldChg>
      <pc:sldChg chg="add">
        <pc:chgData name="Olivia Moe Kempel" userId="S::au692781@uni.au.dk::ac1fc121-b6f3-4cde-8cef-b1248cc16c92" providerId="AD" clId="Web-{962BBB59-C876-459A-AB54-CAF7A1196A9F}" dt="2023-08-14T16:24:01.463" v="14"/>
        <pc:sldMkLst>
          <pc:docMk/>
          <pc:sldMk cId="896995168" sldId="271"/>
        </pc:sldMkLst>
      </pc:sldChg>
      <pc:sldChg chg="add">
        <pc:chgData name="Olivia Moe Kempel" userId="S::au692781@uni.au.dk::ac1fc121-b6f3-4cde-8cef-b1248cc16c92" providerId="AD" clId="Web-{962BBB59-C876-459A-AB54-CAF7A1196A9F}" dt="2023-08-14T16:24:01.744" v="15"/>
        <pc:sldMkLst>
          <pc:docMk/>
          <pc:sldMk cId="1047775561" sldId="272"/>
        </pc:sldMkLst>
      </pc:sldChg>
      <pc:sldChg chg="add">
        <pc:chgData name="Olivia Moe Kempel" userId="S::au692781@uni.au.dk::ac1fc121-b6f3-4cde-8cef-b1248cc16c92" providerId="AD" clId="Web-{962BBB59-C876-459A-AB54-CAF7A1196A9F}" dt="2023-08-14T16:24:02.041" v="16"/>
        <pc:sldMkLst>
          <pc:docMk/>
          <pc:sldMk cId="513994663" sldId="273"/>
        </pc:sldMkLst>
      </pc:sldChg>
      <pc:sldChg chg="add">
        <pc:chgData name="Olivia Moe Kempel" userId="S::au692781@uni.au.dk::ac1fc121-b6f3-4cde-8cef-b1248cc16c92" providerId="AD" clId="Web-{962BBB59-C876-459A-AB54-CAF7A1196A9F}" dt="2023-08-14T16:24:02.400" v="17"/>
        <pc:sldMkLst>
          <pc:docMk/>
          <pc:sldMk cId="1718942639" sldId="274"/>
        </pc:sldMkLst>
      </pc:sldChg>
      <pc:sldChg chg="add">
        <pc:chgData name="Olivia Moe Kempel" userId="S::au692781@uni.au.dk::ac1fc121-b6f3-4cde-8cef-b1248cc16c92" providerId="AD" clId="Web-{962BBB59-C876-459A-AB54-CAF7A1196A9F}" dt="2023-08-14T16:24:02.807" v="18"/>
        <pc:sldMkLst>
          <pc:docMk/>
          <pc:sldMk cId="3108436388" sldId="275"/>
        </pc:sldMkLst>
      </pc:sldChg>
      <pc:sldChg chg="add">
        <pc:chgData name="Olivia Moe Kempel" userId="S::au692781@uni.au.dk::ac1fc121-b6f3-4cde-8cef-b1248cc16c92" providerId="AD" clId="Web-{962BBB59-C876-459A-AB54-CAF7A1196A9F}" dt="2023-08-14T16:24:03.182" v="19"/>
        <pc:sldMkLst>
          <pc:docMk/>
          <pc:sldMk cId="4141336966" sldId="276"/>
        </pc:sldMkLst>
      </pc:sldChg>
      <pc:sldChg chg="add">
        <pc:chgData name="Olivia Moe Kempel" userId="S::au692781@uni.au.dk::ac1fc121-b6f3-4cde-8cef-b1248cc16c92" providerId="AD" clId="Web-{962BBB59-C876-459A-AB54-CAF7A1196A9F}" dt="2023-08-14T16:24:03.541" v="20"/>
        <pc:sldMkLst>
          <pc:docMk/>
          <pc:sldMk cId="2900772686" sldId="277"/>
        </pc:sldMkLst>
      </pc:sldChg>
      <pc:sldChg chg="add">
        <pc:chgData name="Olivia Moe Kempel" userId="S::au692781@uni.au.dk::ac1fc121-b6f3-4cde-8cef-b1248cc16c92" providerId="AD" clId="Web-{962BBB59-C876-459A-AB54-CAF7A1196A9F}" dt="2023-08-14T16:24:03.853" v="21"/>
        <pc:sldMkLst>
          <pc:docMk/>
          <pc:sldMk cId="2982316198" sldId="278"/>
        </pc:sldMkLst>
      </pc:sldChg>
      <pc:sldChg chg="add">
        <pc:chgData name="Olivia Moe Kempel" userId="S::au692781@uni.au.dk::ac1fc121-b6f3-4cde-8cef-b1248cc16c92" providerId="AD" clId="Web-{962BBB59-C876-459A-AB54-CAF7A1196A9F}" dt="2023-08-14T16:24:04.213" v="22"/>
        <pc:sldMkLst>
          <pc:docMk/>
          <pc:sldMk cId="2768982736" sldId="279"/>
        </pc:sldMkLst>
      </pc:sldChg>
      <pc:sldChg chg="add">
        <pc:chgData name="Olivia Moe Kempel" userId="S::au692781@uni.au.dk::ac1fc121-b6f3-4cde-8cef-b1248cc16c92" providerId="AD" clId="Web-{962BBB59-C876-459A-AB54-CAF7A1196A9F}" dt="2023-08-14T16:24:04.604" v="23"/>
        <pc:sldMkLst>
          <pc:docMk/>
          <pc:sldMk cId="3159788562" sldId="280"/>
        </pc:sldMkLst>
      </pc:sldChg>
      <pc:sldChg chg="add">
        <pc:chgData name="Olivia Moe Kempel" userId="S::au692781@uni.au.dk::ac1fc121-b6f3-4cde-8cef-b1248cc16c92" providerId="AD" clId="Web-{962BBB59-C876-459A-AB54-CAF7A1196A9F}" dt="2023-08-14T16:24:05.182" v="24"/>
        <pc:sldMkLst>
          <pc:docMk/>
          <pc:sldMk cId="3418083590" sldId="281"/>
        </pc:sldMkLst>
      </pc:sldChg>
      <pc:sldChg chg="add">
        <pc:chgData name="Olivia Moe Kempel" userId="S::au692781@uni.au.dk::ac1fc121-b6f3-4cde-8cef-b1248cc16c92" providerId="AD" clId="Web-{962BBB59-C876-459A-AB54-CAF7A1196A9F}" dt="2023-08-14T16:24:05.666" v="25"/>
        <pc:sldMkLst>
          <pc:docMk/>
          <pc:sldMk cId="1621169628" sldId="282"/>
        </pc:sldMkLst>
      </pc:sldChg>
      <pc:sldChg chg="add">
        <pc:chgData name="Olivia Moe Kempel" userId="S::au692781@uni.au.dk::ac1fc121-b6f3-4cde-8cef-b1248cc16c92" providerId="AD" clId="Web-{962BBB59-C876-459A-AB54-CAF7A1196A9F}" dt="2023-08-14T16:24:05.916" v="26"/>
        <pc:sldMkLst>
          <pc:docMk/>
          <pc:sldMk cId="3888518680" sldId="283"/>
        </pc:sldMkLst>
      </pc:sldChg>
      <pc:sldChg chg="add">
        <pc:chgData name="Olivia Moe Kempel" userId="S::au692781@uni.au.dk::ac1fc121-b6f3-4cde-8cef-b1248cc16c92" providerId="AD" clId="Web-{962BBB59-C876-459A-AB54-CAF7A1196A9F}" dt="2023-08-14T16:24:06.197" v="27"/>
        <pc:sldMkLst>
          <pc:docMk/>
          <pc:sldMk cId="1691200243" sldId="284"/>
        </pc:sldMkLst>
      </pc:sldChg>
      <pc:sldChg chg="add">
        <pc:chgData name="Olivia Moe Kempel" userId="S::au692781@uni.au.dk::ac1fc121-b6f3-4cde-8cef-b1248cc16c92" providerId="AD" clId="Web-{962BBB59-C876-459A-AB54-CAF7A1196A9F}" dt="2023-08-14T16:24:06.369" v="28"/>
        <pc:sldMkLst>
          <pc:docMk/>
          <pc:sldMk cId="2532296556" sldId="285"/>
        </pc:sldMkLst>
      </pc:sldChg>
      <pc:sldMasterChg chg="add addSldLayout">
        <pc:chgData name="Olivia Moe Kempel" userId="S::au692781@uni.au.dk::ac1fc121-b6f3-4cde-8cef-b1248cc16c92" providerId="AD" clId="Web-{962BBB59-C876-459A-AB54-CAF7A1196A9F}" dt="2023-08-14T16:23:56.681" v="0"/>
        <pc:sldMasterMkLst>
          <pc:docMk/>
          <pc:sldMasterMk cId="0" sldId="2147483648"/>
        </pc:sldMasterMkLst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3999787102" sldId="2147483649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78156290" sldId="2147483650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0" sldId="2147483651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1534947697" sldId="2147483654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0" sldId="2147483655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1127008260" sldId="2147483656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4128896695" sldId="2147483658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0" sldId="2147483659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3077618257" sldId="2147483661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3997128513" sldId="2147483662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2260751815" sldId="2147483663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1796140097" sldId="2147483664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0" sldId="2147483666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2087004173" sldId="2147483668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4270316488" sldId="2147483669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93570263" sldId="2147483670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1495154628" sldId="2147483671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3797440690" sldId="2147483672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200739098" sldId="2147483673"/>
          </pc:sldLayoutMkLst>
        </pc:sldLayoutChg>
        <pc:sldLayoutChg chg="ad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0" sldId="2147483648"/>
            <pc:sldLayoutMk cId="926240675" sldId="2147483678"/>
          </pc:sldLayoutMkLst>
        </pc:sldLayoutChg>
      </pc:sldMasterChg>
      <pc:sldMasterChg chg="replId modSldLayout">
        <pc:chgData name="Olivia Moe Kempel" userId="S::au692781@uni.au.dk::ac1fc121-b6f3-4cde-8cef-b1248cc16c92" providerId="AD" clId="Web-{962BBB59-C876-459A-AB54-CAF7A1196A9F}" dt="2023-08-14T16:23:56.681" v="0"/>
        <pc:sldMasterMkLst>
          <pc:docMk/>
          <pc:sldMasterMk cId="450563959" sldId="2147483679"/>
        </pc:sldMasterMkLst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133512830" sldId="2147483680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904532810" sldId="2147483681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1161660118" sldId="2147483682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737749525" sldId="2147483683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3657976120" sldId="2147483684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525010303" sldId="2147483685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1013714516" sldId="2147483686"/>
          </pc:sldLayoutMkLst>
        </pc:sldLayoutChg>
        <pc:sldLayoutChg chg="replId">
          <pc:chgData name="Olivia Moe Kempel" userId="S::au692781@uni.au.dk::ac1fc121-b6f3-4cde-8cef-b1248cc16c92" providerId="AD" clId="Web-{962BBB59-C876-459A-AB54-CAF7A1196A9F}" dt="2023-08-14T16:23:56.681" v="0"/>
          <pc:sldLayoutMkLst>
            <pc:docMk/>
            <pc:sldMasterMk cId="450563959" sldId="2147483679"/>
            <pc:sldLayoutMk cId="3783993635" sldId="2147483687"/>
          </pc:sldLayoutMkLst>
        </pc:sldLayoutChg>
      </pc:sldMasterChg>
    </pc:docChg>
  </pc:docChgLst>
  <pc:docChgLst>
    <pc:chgData name="Olivia Moe Kempel" userId="S::au692781@uni.au.dk::ac1fc121-b6f3-4cde-8cef-b1248cc16c92" providerId="AD" clId="Web-{15B44A48-EB06-4D3C-3D2C-7C00200C21A4}"/>
    <pc:docChg chg="modSld">
      <pc:chgData name="Olivia Moe Kempel" userId="S::au692781@uni.au.dk::ac1fc121-b6f3-4cde-8cef-b1248cc16c92" providerId="AD" clId="Web-{15B44A48-EB06-4D3C-3D2C-7C00200C21A4}" dt="2023-09-10T15:24:18.491" v="18" actId="1076"/>
      <pc:docMkLst>
        <pc:docMk/>
      </pc:docMkLst>
      <pc:sldChg chg="addSp delSp modSp">
        <pc:chgData name="Olivia Moe Kempel" userId="S::au692781@uni.au.dk::ac1fc121-b6f3-4cde-8cef-b1248cc16c92" providerId="AD" clId="Web-{15B44A48-EB06-4D3C-3D2C-7C00200C21A4}" dt="2023-09-10T15:24:18.491" v="18" actId="1076"/>
        <pc:sldMkLst>
          <pc:docMk/>
          <pc:sldMk cId="3418083590" sldId="281"/>
        </pc:sldMkLst>
        <pc:spChg chg="mod">
          <ac:chgData name="Olivia Moe Kempel" userId="S::au692781@uni.au.dk::ac1fc121-b6f3-4cde-8cef-b1248cc16c92" providerId="AD" clId="Web-{15B44A48-EB06-4D3C-3D2C-7C00200C21A4}" dt="2023-09-10T15:23:41.240" v="10" actId="20577"/>
          <ac:spMkLst>
            <pc:docMk/>
            <pc:sldMk cId="3418083590" sldId="281"/>
            <ac:spMk id="4" creationId="{9F62E6DE-A677-BB43-9E58-850B041B4F4A}"/>
          </ac:spMkLst>
        </pc:spChg>
        <pc:picChg chg="del">
          <ac:chgData name="Olivia Moe Kempel" userId="S::au692781@uni.au.dk::ac1fc121-b6f3-4cde-8cef-b1248cc16c92" providerId="AD" clId="Web-{15B44A48-EB06-4D3C-3D2C-7C00200C21A4}" dt="2023-09-10T15:23:42.537" v="11"/>
          <ac:picMkLst>
            <pc:docMk/>
            <pc:sldMk cId="3418083590" sldId="281"/>
            <ac:picMk id="2" creationId="{6D0B68FA-3340-DC3C-61D5-84F9E2EDD2D4}"/>
          </ac:picMkLst>
        </pc:picChg>
        <pc:picChg chg="add mod">
          <ac:chgData name="Olivia Moe Kempel" userId="S::au692781@uni.au.dk::ac1fc121-b6f3-4cde-8cef-b1248cc16c92" providerId="AD" clId="Web-{15B44A48-EB06-4D3C-3D2C-7C00200C21A4}" dt="2023-09-10T15:24:18.491" v="18" actId="1076"/>
          <ac:picMkLst>
            <pc:docMk/>
            <pc:sldMk cId="3418083590" sldId="281"/>
            <ac:picMk id="5" creationId="{84348B3C-B124-57FB-DB70-93BF05A0581C}"/>
          </ac:picMkLst>
        </pc:picChg>
      </pc:sldChg>
    </pc:docChg>
  </pc:docChgLst>
  <pc:docChgLst>
    <pc:chgData name="Olivia Moe Kempel" userId="ac1fc121-b6f3-4cde-8cef-b1248cc16c92" providerId="ADAL" clId="{8D345C3F-C4FD-3F40-B648-7C4C1F9B3A07}"/>
    <pc:docChg chg="undo custSel delSld modSld modMainMaster">
      <pc:chgData name="Olivia Moe Kempel" userId="ac1fc121-b6f3-4cde-8cef-b1248cc16c92" providerId="ADAL" clId="{8D345C3F-C4FD-3F40-B648-7C4C1F9B3A07}" dt="2023-09-12T08:29:21.105" v="656"/>
      <pc:docMkLst>
        <pc:docMk/>
      </pc:docMkLst>
      <pc:sldChg chg="modSp mod">
        <pc:chgData name="Olivia Moe Kempel" userId="ac1fc121-b6f3-4cde-8cef-b1248cc16c92" providerId="ADAL" clId="{8D345C3F-C4FD-3F40-B648-7C4C1F9B3A07}" dt="2023-09-05T11:24:58.800" v="177" actId="1076"/>
        <pc:sldMkLst>
          <pc:docMk/>
          <pc:sldMk cId="3510927884" sldId="259"/>
        </pc:sldMkLst>
        <pc:spChg chg="mod">
          <ac:chgData name="Olivia Moe Kempel" userId="ac1fc121-b6f3-4cde-8cef-b1248cc16c92" providerId="ADAL" clId="{8D345C3F-C4FD-3F40-B648-7C4C1F9B3A07}" dt="2023-09-05T11:24:58.800" v="177" actId="1076"/>
          <ac:spMkLst>
            <pc:docMk/>
            <pc:sldMk cId="3510927884" sldId="259"/>
            <ac:spMk id="2" creationId="{5AEFA4AE-D3F5-0A4B-81E7-6F3A79C02D58}"/>
          </ac:spMkLst>
        </pc:spChg>
      </pc:sldChg>
      <pc:sldChg chg="modSp mod">
        <pc:chgData name="Olivia Moe Kempel" userId="ac1fc121-b6f3-4cde-8cef-b1248cc16c92" providerId="ADAL" clId="{8D345C3F-C4FD-3F40-B648-7C4C1F9B3A07}" dt="2023-09-05T11:24:29.064" v="175" actId="20577"/>
        <pc:sldMkLst>
          <pc:docMk/>
          <pc:sldMk cId="1353879926" sldId="263"/>
        </pc:sldMkLst>
        <pc:spChg chg="mod">
          <ac:chgData name="Olivia Moe Kempel" userId="ac1fc121-b6f3-4cde-8cef-b1248cc16c92" providerId="ADAL" clId="{8D345C3F-C4FD-3F40-B648-7C4C1F9B3A07}" dt="2023-09-05T11:24:29.064" v="175" actId="20577"/>
          <ac:spMkLst>
            <pc:docMk/>
            <pc:sldMk cId="1353879926" sldId="263"/>
            <ac:spMk id="4" creationId="{9F62E6DE-A677-BB43-9E58-850B041B4F4A}"/>
          </ac:spMkLst>
        </pc:spChg>
      </pc:sldChg>
      <pc:sldChg chg="modSp">
        <pc:chgData name="Olivia Moe Kempel" userId="ac1fc121-b6f3-4cde-8cef-b1248cc16c92" providerId="ADAL" clId="{8D345C3F-C4FD-3F40-B648-7C4C1F9B3A07}" dt="2023-09-12T08:28:55.391" v="652"/>
        <pc:sldMkLst>
          <pc:docMk/>
          <pc:sldMk cId="3516931667" sldId="264"/>
        </pc:sldMkLst>
        <pc:graphicFrameChg chg="mod">
          <ac:chgData name="Olivia Moe Kempel" userId="ac1fc121-b6f3-4cde-8cef-b1248cc16c92" providerId="ADAL" clId="{8D345C3F-C4FD-3F40-B648-7C4C1F9B3A07}" dt="2023-09-12T08:28:55.391" v="652"/>
          <ac:graphicFrameMkLst>
            <pc:docMk/>
            <pc:sldMk cId="3516931667" sldId="264"/>
            <ac:graphicFrameMk id="6" creationId="{9C985459-1EDD-C14E-B941-4B71B96A52C3}"/>
          </ac:graphicFrameMkLst>
        </pc:graphicFrameChg>
      </pc:sldChg>
      <pc:sldChg chg="modSp">
        <pc:chgData name="Olivia Moe Kempel" userId="ac1fc121-b6f3-4cde-8cef-b1248cc16c92" providerId="ADAL" clId="{8D345C3F-C4FD-3F40-B648-7C4C1F9B3A07}" dt="2023-09-12T08:29:21.105" v="656"/>
        <pc:sldMkLst>
          <pc:docMk/>
          <pc:sldMk cId="4225112472" sldId="265"/>
        </pc:sldMkLst>
        <pc:graphicFrameChg chg="mod">
          <ac:chgData name="Olivia Moe Kempel" userId="ac1fc121-b6f3-4cde-8cef-b1248cc16c92" providerId="ADAL" clId="{8D345C3F-C4FD-3F40-B648-7C4C1F9B3A07}" dt="2023-09-12T08:29:21.105" v="656"/>
          <ac:graphicFrameMkLst>
            <pc:docMk/>
            <pc:sldMk cId="4225112472" sldId="265"/>
            <ac:graphicFrameMk id="6" creationId="{C509F32F-A834-7E4B-BBCF-EC65E1953607}"/>
          </ac:graphicFrameMkLst>
        </pc:graphicFrameChg>
      </pc:sldChg>
      <pc:sldChg chg="modSp">
        <pc:chgData name="Olivia Moe Kempel" userId="ac1fc121-b6f3-4cde-8cef-b1248cc16c92" providerId="ADAL" clId="{8D345C3F-C4FD-3F40-B648-7C4C1F9B3A07}" dt="2023-09-05T11:42:21.093" v="625"/>
        <pc:sldMkLst>
          <pc:docMk/>
          <pc:sldMk cId="3602847142" sldId="266"/>
        </pc:sldMkLst>
        <pc:graphicFrameChg chg="mod">
          <ac:chgData name="Olivia Moe Kempel" userId="ac1fc121-b6f3-4cde-8cef-b1248cc16c92" providerId="ADAL" clId="{8D345C3F-C4FD-3F40-B648-7C4C1F9B3A07}" dt="2023-09-05T11:42:21.093" v="625"/>
          <ac:graphicFrameMkLst>
            <pc:docMk/>
            <pc:sldMk cId="3602847142" sldId="266"/>
            <ac:graphicFrameMk id="11" creationId="{FAE69B65-D2D2-204E-9D69-681F073F7473}"/>
          </ac:graphicFrameMkLst>
        </pc:graphicFrameChg>
      </pc:sldChg>
      <pc:sldChg chg="modSp mod">
        <pc:chgData name="Olivia Moe Kempel" userId="ac1fc121-b6f3-4cde-8cef-b1248cc16c92" providerId="ADAL" clId="{8D345C3F-C4FD-3F40-B648-7C4C1F9B3A07}" dt="2023-09-05T11:30:53.559" v="297" actId="20577"/>
        <pc:sldMkLst>
          <pc:docMk/>
          <pc:sldMk cId="1868276558" sldId="268"/>
        </pc:sldMkLst>
        <pc:spChg chg="mod">
          <ac:chgData name="Olivia Moe Kempel" userId="ac1fc121-b6f3-4cde-8cef-b1248cc16c92" providerId="ADAL" clId="{8D345C3F-C4FD-3F40-B648-7C4C1F9B3A07}" dt="2023-09-05T11:30:53.559" v="297" actId="20577"/>
          <ac:spMkLst>
            <pc:docMk/>
            <pc:sldMk cId="1868276558" sldId="268"/>
            <ac:spMk id="6" creationId="{9B7726CE-352D-6843-940B-E9A90C7EB363}"/>
          </ac:spMkLst>
        </pc:spChg>
      </pc:sldChg>
      <pc:sldChg chg="modSp">
        <pc:chgData name="Olivia Moe Kempel" userId="ac1fc121-b6f3-4cde-8cef-b1248cc16c92" providerId="ADAL" clId="{8D345C3F-C4FD-3F40-B648-7C4C1F9B3A07}" dt="2023-09-05T11:42:10.997" v="621"/>
        <pc:sldMkLst>
          <pc:docMk/>
          <pc:sldMk cId="3128914080" sldId="270"/>
        </pc:sldMkLst>
        <pc:graphicFrameChg chg="mod">
          <ac:chgData name="Olivia Moe Kempel" userId="ac1fc121-b6f3-4cde-8cef-b1248cc16c92" providerId="ADAL" clId="{8D345C3F-C4FD-3F40-B648-7C4C1F9B3A07}" dt="2023-09-05T11:42:10.997" v="621"/>
          <ac:graphicFrameMkLst>
            <pc:docMk/>
            <pc:sldMk cId="3128914080" sldId="270"/>
            <ac:graphicFrameMk id="9" creationId="{1DC5D19F-E7EB-6E49-A9F1-FF04FB20701D}"/>
          </ac:graphicFrameMkLst>
        </pc:graphicFrameChg>
      </pc:sldChg>
      <pc:sldChg chg="modSp mod">
        <pc:chgData name="Olivia Moe Kempel" userId="ac1fc121-b6f3-4cde-8cef-b1248cc16c92" providerId="ADAL" clId="{8D345C3F-C4FD-3F40-B648-7C4C1F9B3A07}" dt="2023-09-05T11:32:23.020" v="548" actId="20577"/>
        <pc:sldMkLst>
          <pc:docMk/>
          <pc:sldMk cId="896995168" sldId="271"/>
        </pc:sldMkLst>
        <pc:spChg chg="mod">
          <ac:chgData name="Olivia Moe Kempel" userId="ac1fc121-b6f3-4cde-8cef-b1248cc16c92" providerId="ADAL" clId="{8D345C3F-C4FD-3F40-B648-7C4C1F9B3A07}" dt="2023-09-05T11:29:52.357" v="295" actId="20577"/>
          <ac:spMkLst>
            <pc:docMk/>
            <pc:sldMk cId="896995168" sldId="271"/>
            <ac:spMk id="4" creationId="{9F62E6DE-A677-BB43-9E58-850B041B4F4A}"/>
          </ac:spMkLst>
        </pc:spChg>
        <pc:spChg chg="mod">
          <ac:chgData name="Olivia Moe Kempel" userId="ac1fc121-b6f3-4cde-8cef-b1248cc16c92" providerId="ADAL" clId="{8D345C3F-C4FD-3F40-B648-7C4C1F9B3A07}" dt="2023-09-05T11:32:23.020" v="548" actId="20577"/>
          <ac:spMkLst>
            <pc:docMk/>
            <pc:sldMk cId="896995168" sldId="271"/>
            <ac:spMk id="8" creationId="{407A69D8-A653-DD4E-88D6-55FD8908DA96}"/>
          </ac:spMkLst>
        </pc:spChg>
      </pc:sldChg>
      <pc:sldChg chg="modSp">
        <pc:chgData name="Olivia Moe Kempel" userId="ac1fc121-b6f3-4cde-8cef-b1248cc16c92" providerId="ADAL" clId="{8D345C3F-C4FD-3F40-B648-7C4C1F9B3A07}" dt="2023-09-05T11:41:56.378" v="616"/>
        <pc:sldMkLst>
          <pc:docMk/>
          <pc:sldMk cId="1718942639" sldId="274"/>
        </pc:sldMkLst>
        <pc:graphicFrameChg chg="mod">
          <ac:chgData name="Olivia Moe Kempel" userId="ac1fc121-b6f3-4cde-8cef-b1248cc16c92" providerId="ADAL" clId="{8D345C3F-C4FD-3F40-B648-7C4C1F9B3A07}" dt="2023-09-05T11:41:56.378" v="616"/>
          <ac:graphicFrameMkLst>
            <pc:docMk/>
            <pc:sldMk cId="1718942639" sldId="274"/>
            <ac:graphicFrameMk id="7" creationId="{524C438B-5EA9-E741-B78A-9CC8B67C0953}"/>
          </ac:graphicFrameMkLst>
        </pc:graphicFrameChg>
      </pc:sldChg>
      <pc:sldChg chg="modSp">
        <pc:chgData name="Olivia Moe Kempel" userId="ac1fc121-b6f3-4cde-8cef-b1248cc16c92" providerId="ADAL" clId="{8D345C3F-C4FD-3F40-B648-7C4C1F9B3A07}" dt="2023-09-05T11:41:45.802" v="612"/>
        <pc:sldMkLst>
          <pc:docMk/>
          <pc:sldMk cId="3108436388" sldId="275"/>
        </pc:sldMkLst>
        <pc:graphicFrameChg chg="mod">
          <ac:chgData name="Olivia Moe Kempel" userId="ac1fc121-b6f3-4cde-8cef-b1248cc16c92" providerId="ADAL" clId="{8D345C3F-C4FD-3F40-B648-7C4C1F9B3A07}" dt="2023-09-05T11:41:45.802" v="612"/>
          <ac:graphicFrameMkLst>
            <pc:docMk/>
            <pc:sldMk cId="3108436388" sldId="275"/>
            <ac:graphicFrameMk id="12" creationId="{E10435C5-5508-3D4A-B273-08166B4C8247}"/>
          </ac:graphicFrameMkLst>
        </pc:graphicFrameChg>
      </pc:sldChg>
      <pc:sldChg chg="modSp">
        <pc:chgData name="Olivia Moe Kempel" userId="ac1fc121-b6f3-4cde-8cef-b1248cc16c92" providerId="ADAL" clId="{8D345C3F-C4FD-3F40-B648-7C4C1F9B3A07}" dt="2023-09-05T11:41:33.108" v="607"/>
        <pc:sldMkLst>
          <pc:docMk/>
          <pc:sldMk cId="4141336966" sldId="276"/>
        </pc:sldMkLst>
        <pc:graphicFrameChg chg="mod">
          <ac:chgData name="Olivia Moe Kempel" userId="ac1fc121-b6f3-4cde-8cef-b1248cc16c92" providerId="ADAL" clId="{8D345C3F-C4FD-3F40-B648-7C4C1F9B3A07}" dt="2023-09-05T11:41:33.108" v="607"/>
          <ac:graphicFrameMkLst>
            <pc:docMk/>
            <pc:sldMk cId="4141336966" sldId="276"/>
            <ac:graphicFrameMk id="7" creationId="{2DFE883E-BFC8-9042-BCDD-10E31976EF07}"/>
          </ac:graphicFrameMkLst>
        </pc:graphicFrameChg>
      </pc:sldChg>
      <pc:sldChg chg="addSp delSp modSp mod">
        <pc:chgData name="Olivia Moe Kempel" userId="ac1fc121-b6f3-4cde-8cef-b1248cc16c92" providerId="ADAL" clId="{8D345C3F-C4FD-3F40-B648-7C4C1F9B3A07}" dt="2023-09-12T08:27:42.522" v="647"/>
        <pc:sldMkLst>
          <pc:docMk/>
          <pc:sldMk cId="2900772686" sldId="277"/>
        </pc:sldMkLst>
        <pc:graphicFrameChg chg="add del mod">
          <ac:chgData name="Olivia Moe Kempel" userId="ac1fc121-b6f3-4cde-8cef-b1248cc16c92" providerId="ADAL" clId="{8D345C3F-C4FD-3F40-B648-7C4C1F9B3A07}" dt="2023-09-05T11:33:49.117" v="551"/>
          <ac:graphicFrameMkLst>
            <pc:docMk/>
            <pc:sldMk cId="2900772686" sldId="277"/>
            <ac:graphicFrameMk id="2" creationId="{BA57406E-0CA7-452D-74B2-2DEAA95208BB}"/>
          </ac:graphicFrameMkLst>
        </pc:graphicFrameChg>
        <pc:graphicFrameChg chg="add del mod">
          <ac:chgData name="Olivia Moe Kempel" userId="ac1fc121-b6f3-4cde-8cef-b1248cc16c92" providerId="ADAL" clId="{8D345C3F-C4FD-3F40-B648-7C4C1F9B3A07}" dt="2023-09-12T08:27:42.522" v="647"/>
          <ac:graphicFrameMkLst>
            <pc:docMk/>
            <pc:sldMk cId="2900772686" sldId="277"/>
            <ac:graphicFrameMk id="9" creationId="{16865D26-76EF-0F46-AAD0-8B5B0F68CC7B}"/>
          </ac:graphicFrameMkLst>
        </pc:graphicFrameChg>
      </pc:sldChg>
      <pc:sldChg chg="modSp">
        <pc:chgData name="Olivia Moe Kempel" userId="ac1fc121-b6f3-4cde-8cef-b1248cc16c92" providerId="ADAL" clId="{8D345C3F-C4FD-3F40-B648-7C4C1F9B3A07}" dt="2023-09-05T11:21:24.033" v="161" actId="20577"/>
        <pc:sldMkLst>
          <pc:docMk/>
          <pc:sldMk cId="2982316198" sldId="278"/>
        </pc:sldMkLst>
        <pc:spChg chg="mod">
          <ac:chgData name="Olivia Moe Kempel" userId="ac1fc121-b6f3-4cde-8cef-b1248cc16c92" providerId="ADAL" clId="{8D345C3F-C4FD-3F40-B648-7C4C1F9B3A07}" dt="2023-09-05T11:21:24.033" v="161" actId="20577"/>
          <ac:spMkLst>
            <pc:docMk/>
            <pc:sldMk cId="2982316198" sldId="278"/>
            <ac:spMk id="7" creationId="{5488627A-6334-9D45-A05D-57AF5FCBB5FB}"/>
          </ac:spMkLst>
        </pc:spChg>
      </pc:sldChg>
      <pc:sldChg chg="modSp">
        <pc:chgData name="Olivia Moe Kempel" userId="ac1fc121-b6f3-4cde-8cef-b1248cc16c92" providerId="ADAL" clId="{8D345C3F-C4FD-3F40-B648-7C4C1F9B3A07}" dt="2023-09-05T11:43:28.328" v="642"/>
        <pc:sldMkLst>
          <pc:docMk/>
          <pc:sldMk cId="2768982736" sldId="279"/>
        </pc:sldMkLst>
        <pc:graphicFrameChg chg="mod">
          <ac:chgData name="Olivia Moe Kempel" userId="ac1fc121-b6f3-4cde-8cef-b1248cc16c92" providerId="ADAL" clId="{8D345C3F-C4FD-3F40-B648-7C4C1F9B3A07}" dt="2023-09-05T11:43:28.328" v="642"/>
          <ac:graphicFrameMkLst>
            <pc:docMk/>
            <pc:sldMk cId="2768982736" sldId="279"/>
            <ac:graphicFrameMk id="15" creationId="{F459D506-9A28-BA45-A436-53D6679997EB}"/>
          </ac:graphicFrameMkLst>
        </pc:graphicFrameChg>
      </pc:sldChg>
      <pc:sldChg chg="del">
        <pc:chgData name="Olivia Moe Kempel" userId="ac1fc121-b6f3-4cde-8cef-b1248cc16c92" providerId="ADAL" clId="{8D345C3F-C4FD-3F40-B648-7C4C1F9B3A07}" dt="2023-09-05T11:21:09.325" v="157" actId="2696"/>
        <pc:sldMkLst>
          <pc:docMk/>
          <pc:sldMk cId="3159788562" sldId="280"/>
        </pc:sldMkLst>
      </pc:sldChg>
      <pc:sldMasterChg chg="modSp mod modSldLayout">
        <pc:chgData name="Olivia Moe Kempel" userId="ac1fc121-b6f3-4cde-8cef-b1248cc16c92" providerId="ADAL" clId="{8D345C3F-C4FD-3F40-B648-7C4C1F9B3A07}" dt="2023-09-05T11:20:53.237" v="156" actId="20577"/>
        <pc:sldMasterMkLst>
          <pc:docMk/>
          <pc:sldMasterMk cId="0" sldId="2147483648"/>
        </pc:sldMasterMkLst>
        <pc:spChg chg="mod">
          <ac:chgData name="Olivia Moe Kempel" userId="ac1fc121-b6f3-4cde-8cef-b1248cc16c92" providerId="ADAL" clId="{8D345C3F-C4FD-3F40-B648-7C4C1F9B3A07}" dt="2023-09-05T11:19:40.594" v="36" actId="20577"/>
          <ac:spMkLst>
            <pc:docMk/>
            <pc:sldMasterMk cId="0" sldId="2147483648"/>
            <ac:spMk id="17" creationId="{ED18F0F9-EA4F-1247-AF07-902C420B7D5A}"/>
          </ac:spMkLst>
        </pc:spChg>
        <pc:spChg chg="mod">
          <ac:chgData name="Olivia Moe Kempel" userId="ac1fc121-b6f3-4cde-8cef-b1248cc16c92" providerId="ADAL" clId="{8D345C3F-C4FD-3F40-B648-7C4C1F9B3A07}" dt="2023-09-05T11:20:06.789" v="42" actId="20577"/>
          <ac:spMkLst>
            <pc:docMk/>
            <pc:sldMasterMk cId="0" sldId="2147483648"/>
            <ac:spMk id="27" creationId="{00000000-0000-0000-0000-000000000000}"/>
          </ac:spMkLst>
        </pc:spChg>
        <pc:sldLayoutChg chg="modSp mod">
          <pc:chgData name="Olivia Moe Kempel" userId="ac1fc121-b6f3-4cde-8cef-b1248cc16c92" providerId="ADAL" clId="{8D345C3F-C4FD-3F40-B648-7C4C1F9B3A07}" dt="2023-09-05T11:20:25.998" v="84" actId="20577"/>
          <pc:sldLayoutMkLst>
            <pc:docMk/>
            <pc:sldMasterMk cId="0" sldId="2147483648"/>
            <pc:sldLayoutMk cId="1127008260" sldId="2147483656"/>
          </pc:sldLayoutMkLst>
          <pc:spChg chg="mod">
            <ac:chgData name="Olivia Moe Kempel" userId="ac1fc121-b6f3-4cde-8cef-b1248cc16c92" providerId="ADAL" clId="{8D345C3F-C4FD-3F40-B648-7C4C1F9B3A07}" dt="2023-09-05T11:20:17.999" v="75" actId="20577"/>
            <ac:spMkLst>
              <pc:docMk/>
              <pc:sldMasterMk cId="0" sldId="2147483648"/>
              <pc:sldLayoutMk cId="1127008260" sldId="2147483656"/>
              <ac:spMk id="18" creationId="{E532D6C0-A50F-9F4E-BF19-636FFD949DAB}"/>
            </ac:spMkLst>
          </pc:spChg>
          <pc:spChg chg="mod">
            <ac:chgData name="Olivia Moe Kempel" userId="ac1fc121-b6f3-4cde-8cef-b1248cc16c92" providerId="ADAL" clId="{8D345C3F-C4FD-3F40-B648-7C4C1F9B3A07}" dt="2023-09-05T11:19:55.439" v="38" actId="1076"/>
            <ac:spMkLst>
              <pc:docMk/>
              <pc:sldMasterMk cId="0" sldId="2147483648"/>
              <pc:sldLayoutMk cId="1127008260" sldId="2147483656"/>
              <ac:spMk id="21" creationId="{00000000-0000-0000-0000-000000000000}"/>
            </ac:spMkLst>
          </pc:spChg>
          <pc:spChg chg="mod">
            <ac:chgData name="Olivia Moe Kempel" userId="ac1fc121-b6f3-4cde-8cef-b1248cc16c92" providerId="ADAL" clId="{8D345C3F-C4FD-3F40-B648-7C4C1F9B3A07}" dt="2023-09-05T11:19:59.825" v="40" actId="20577"/>
            <ac:spMkLst>
              <pc:docMk/>
              <pc:sldMasterMk cId="0" sldId="2147483648"/>
              <pc:sldLayoutMk cId="1127008260" sldId="2147483656"/>
              <ac:spMk id="39" creationId="{00000000-0000-0000-0000-000000000000}"/>
            </ac:spMkLst>
          </pc:spChg>
          <pc:spChg chg="mod">
            <ac:chgData name="Olivia Moe Kempel" userId="ac1fc121-b6f3-4cde-8cef-b1248cc16c92" providerId="ADAL" clId="{8D345C3F-C4FD-3F40-B648-7C4C1F9B3A07}" dt="2023-09-05T11:20:25.998" v="84" actId="20577"/>
            <ac:spMkLst>
              <pc:docMk/>
              <pc:sldMasterMk cId="0" sldId="2147483648"/>
              <pc:sldLayoutMk cId="1127008260" sldId="2147483656"/>
              <ac:spMk id="41" creationId="{00000000-0000-0000-0000-000000000000}"/>
            </ac:spMkLst>
          </pc:spChg>
        </pc:sldLayoutChg>
        <pc:sldLayoutChg chg="modSp mod">
          <pc:chgData name="Olivia Moe Kempel" userId="ac1fc121-b6f3-4cde-8cef-b1248cc16c92" providerId="ADAL" clId="{8D345C3F-C4FD-3F40-B648-7C4C1F9B3A07}" dt="2023-09-05T11:20:53.237" v="156" actId="20577"/>
          <pc:sldLayoutMkLst>
            <pc:docMk/>
            <pc:sldMasterMk cId="0" sldId="2147483648"/>
            <pc:sldLayoutMk cId="200739098" sldId="2147483673"/>
          </pc:sldLayoutMkLst>
          <pc:spChg chg="mod">
            <ac:chgData name="Olivia Moe Kempel" userId="ac1fc121-b6f3-4cde-8cef-b1248cc16c92" providerId="ADAL" clId="{8D345C3F-C4FD-3F40-B648-7C4C1F9B3A07}" dt="2023-09-05T11:20:43.875" v="123" actId="20577"/>
            <ac:spMkLst>
              <pc:docMk/>
              <pc:sldMasterMk cId="0" sldId="2147483648"/>
              <pc:sldLayoutMk cId="200739098" sldId="2147483673"/>
              <ac:spMk id="16" creationId="{216E1345-F365-B146-BFB4-77E51CADFC42}"/>
            </ac:spMkLst>
          </pc:spChg>
          <pc:spChg chg="mod">
            <ac:chgData name="Olivia Moe Kempel" userId="ac1fc121-b6f3-4cde-8cef-b1248cc16c92" providerId="ADAL" clId="{8D345C3F-C4FD-3F40-B648-7C4C1F9B3A07}" dt="2023-09-05T11:20:33.636" v="86" actId="20577"/>
            <ac:spMkLst>
              <pc:docMk/>
              <pc:sldMasterMk cId="0" sldId="2147483648"/>
              <pc:sldLayoutMk cId="200739098" sldId="2147483673"/>
              <ac:spMk id="26" creationId="{00000000-0000-0000-0000-000000000000}"/>
            </ac:spMkLst>
          </pc:spChg>
          <pc:spChg chg="mod">
            <ac:chgData name="Olivia Moe Kempel" userId="ac1fc121-b6f3-4cde-8cef-b1248cc16c92" providerId="ADAL" clId="{8D345C3F-C4FD-3F40-B648-7C4C1F9B3A07}" dt="2023-09-05T11:20:53.237" v="156" actId="20577"/>
            <ac:spMkLst>
              <pc:docMk/>
              <pc:sldMasterMk cId="0" sldId="2147483648"/>
              <pc:sldLayoutMk cId="200739098" sldId="2147483673"/>
              <ac:spMk id="28" creationId="{00000000-0000-0000-0000-000000000000}"/>
            </ac:spMkLst>
          </pc:spChg>
        </pc:sldLayoutChg>
      </pc:sldMasterChg>
    </pc:docChg>
  </pc:docChgLst>
  <pc:docChgLst>
    <pc:chgData name="Olivia Moe Kempel" userId="S::au692781@uni.au.dk::ac1fc121-b6f3-4cde-8cef-b1248cc16c92" providerId="AD" clId="Web-{7FA0E4E8-A650-FA46-0E60-6294BD30DE6A}"/>
    <pc:docChg chg="delSld modSld">
      <pc:chgData name="Olivia Moe Kempel" userId="S::au692781@uni.au.dk::ac1fc121-b6f3-4cde-8cef-b1248cc16c92" providerId="AD" clId="Web-{7FA0E4E8-A650-FA46-0E60-6294BD30DE6A}" dt="2023-08-31T08:36:26.133" v="6"/>
      <pc:docMkLst>
        <pc:docMk/>
      </pc:docMkLst>
      <pc:sldChg chg="del">
        <pc:chgData name="Olivia Moe Kempel" userId="S::au692781@uni.au.dk::ac1fc121-b6f3-4cde-8cef-b1248cc16c92" providerId="AD" clId="Web-{7FA0E4E8-A650-FA46-0E60-6294BD30DE6A}" dt="2023-08-31T08:36:26.133" v="6"/>
        <pc:sldMkLst>
          <pc:docMk/>
          <pc:sldMk cId="3888518680" sldId="283"/>
        </pc:sldMkLst>
      </pc:sldChg>
      <pc:sldChg chg="modSp">
        <pc:chgData name="Olivia Moe Kempel" userId="S::au692781@uni.au.dk::ac1fc121-b6f3-4cde-8cef-b1248cc16c92" providerId="AD" clId="Web-{7FA0E4E8-A650-FA46-0E60-6294BD30DE6A}" dt="2023-08-31T08:36:20.726" v="5" actId="20577"/>
        <pc:sldMkLst>
          <pc:docMk/>
          <pc:sldMk cId="1691200243" sldId="284"/>
        </pc:sldMkLst>
        <pc:spChg chg="mod">
          <ac:chgData name="Olivia Moe Kempel" userId="S::au692781@uni.au.dk::ac1fc121-b6f3-4cde-8cef-b1248cc16c92" providerId="AD" clId="Web-{7FA0E4E8-A650-FA46-0E60-6294BD30DE6A}" dt="2023-08-31T08:36:20.726" v="5" actId="20577"/>
          <ac:spMkLst>
            <pc:docMk/>
            <pc:sldMk cId="1691200243" sldId="284"/>
            <ac:spMk id="5" creationId="{C8D3F436-B7CA-C144-A54D-60AAC838FC4F}"/>
          </ac:spMkLst>
        </pc:spChg>
      </pc:sldChg>
      <pc:sldChg chg="modSp">
        <pc:chgData name="Olivia Moe Kempel" userId="S::au692781@uni.au.dk::ac1fc121-b6f3-4cde-8cef-b1248cc16c92" providerId="AD" clId="Web-{7FA0E4E8-A650-FA46-0E60-6294BD30DE6A}" dt="2023-08-31T08:36:11.570" v="0" actId="20577"/>
        <pc:sldMkLst>
          <pc:docMk/>
          <pc:sldMk cId="2532296556" sldId="285"/>
        </pc:sldMkLst>
        <pc:spChg chg="mod">
          <ac:chgData name="Olivia Moe Kempel" userId="S::au692781@uni.au.dk::ac1fc121-b6f3-4cde-8cef-b1248cc16c92" providerId="AD" clId="Web-{7FA0E4E8-A650-FA46-0E60-6294BD30DE6A}" dt="2023-08-31T08:36:11.570" v="0" actId="20577"/>
          <ac:spMkLst>
            <pc:docMk/>
            <pc:sldMk cId="2532296556" sldId="285"/>
            <ac:spMk id="2" creationId="{00000000-0000-0000-0000-000000000000}"/>
          </ac:spMkLst>
        </pc:spChg>
      </pc:sldChg>
    </pc:docChg>
  </pc:docChgLst>
  <pc:docChgLst>
    <pc:chgData name="Olivia Moe Kempel" userId="S::au692781@uni.au.dk::ac1fc121-b6f3-4cde-8cef-b1248cc16c92" providerId="AD" clId="Web-{AE6AE5B1-A3DC-000E-8BF2-EE71CBD7B6F8}"/>
    <pc:docChg chg="delSld modSld">
      <pc:chgData name="Olivia Moe Kempel" userId="S::au692781@uni.au.dk::ac1fc121-b6f3-4cde-8cef-b1248cc16c92" providerId="AD" clId="Web-{AE6AE5B1-A3DC-000E-8BF2-EE71CBD7B6F8}" dt="2023-09-10T15:22:51.722" v="195"/>
      <pc:docMkLst>
        <pc:docMk/>
      </pc:docMkLst>
      <pc:sldChg chg="del mod modShow">
        <pc:chgData name="Olivia Moe Kempel" userId="S::au692781@uni.au.dk::ac1fc121-b6f3-4cde-8cef-b1248cc16c92" providerId="AD" clId="Web-{AE6AE5B1-A3DC-000E-8BF2-EE71CBD7B6F8}" dt="2023-09-10T14:53:00.384" v="145"/>
        <pc:sldMkLst>
          <pc:docMk/>
          <pc:sldMk cId="3510927884" sldId="259"/>
        </pc:sldMkLst>
      </pc:sldChg>
      <pc:sldChg chg="modSp">
        <pc:chgData name="Olivia Moe Kempel" userId="S::au692781@uni.au.dk::ac1fc121-b6f3-4cde-8cef-b1248cc16c92" providerId="AD" clId="Web-{AE6AE5B1-A3DC-000E-8BF2-EE71CBD7B6F8}" dt="2023-09-10T14:52:50.040" v="143" actId="20577"/>
        <pc:sldMkLst>
          <pc:docMk/>
          <pc:sldMk cId="256457096" sldId="261"/>
        </pc:sldMkLst>
        <pc:spChg chg="mod">
          <ac:chgData name="Olivia Moe Kempel" userId="S::au692781@uni.au.dk::ac1fc121-b6f3-4cde-8cef-b1248cc16c92" providerId="AD" clId="Web-{AE6AE5B1-A3DC-000E-8BF2-EE71CBD7B6F8}" dt="2023-09-10T14:52:50.040" v="143" actId="20577"/>
          <ac:spMkLst>
            <pc:docMk/>
            <pc:sldMk cId="256457096" sldId="261"/>
            <ac:spMk id="5" creationId="{3DCA5436-1AE0-0346-ABB7-3C8EE8BCF088}"/>
          </ac:spMkLst>
        </pc:spChg>
      </pc:sldChg>
      <pc:sldChg chg="modSp">
        <pc:chgData name="Olivia Moe Kempel" userId="S::au692781@uni.au.dk::ac1fc121-b6f3-4cde-8cef-b1248cc16c92" providerId="AD" clId="Web-{AE6AE5B1-A3DC-000E-8BF2-EE71CBD7B6F8}" dt="2023-09-10T14:57:14.450" v="193" actId="20577"/>
        <pc:sldMkLst>
          <pc:docMk/>
          <pc:sldMk cId="1066554755" sldId="267"/>
        </pc:sldMkLst>
        <pc:spChg chg="mod">
          <ac:chgData name="Olivia Moe Kempel" userId="S::au692781@uni.au.dk::ac1fc121-b6f3-4cde-8cef-b1248cc16c92" providerId="AD" clId="Web-{AE6AE5B1-A3DC-000E-8BF2-EE71CBD7B6F8}" dt="2023-09-10T14:57:14.450" v="193" actId="20577"/>
          <ac:spMkLst>
            <pc:docMk/>
            <pc:sldMk cId="1066554755" sldId="267"/>
            <ac:spMk id="6" creationId="{9B7726CE-352D-6843-940B-E9A90C7EB363}"/>
          </ac:spMkLst>
        </pc:spChg>
      </pc:sldChg>
      <pc:sldChg chg="modSp">
        <pc:chgData name="Olivia Moe Kempel" userId="S::au692781@uni.au.dk::ac1fc121-b6f3-4cde-8cef-b1248cc16c92" providerId="AD" clId="Web-{AE6AE5B1-A3DC-000E-8BF2-EE71CBD7B6F8}" dt="2023-09-10T14:54:56.152" v="147" actId="20577"/>
        <pc:sldMkLst>
          <pc:docMk/>
          <pc:sldMk cId="1868276558" sldId="268"/>
        </pc:sldMkLst>
        <pc:spChg chg="mod">
          <ac:chgData name="Olivia Moe Kempel" userId="S::au692781@uni.au.dk::ac1fc121-b6f3-4cde-8cef-b1248cc16c92" providerId="AD" clId="Web-{AE6AE5B1-A3DC-000E-8BF2-EE71CBD7B6F8}" dt="2023-09-10T14:54:56.152" v="147" actId="20577"/>
          <ac:spMkLst>
            <pc:docMk/>
            <pc:sldMk cId="1868276558" sldId="268"/>
            <ac:spMk id="6" creationId="{9B7726CE-352D-6843-940B-E9A90C7EB363}"/>
          </ac:spMkLst>
        </pc:spChg>
      </pc:sldChg>
      <pc:sldChg chg="addSp delSp">
        <pc:chgData name="Olivia Moe Kempel" userId="S::au692781@uni.au.dk::ac1fc121-b6f3-4cde-8cef-b1248cc16c92" providerId="AD" clId="Web-{AE6AE5B1-A3DC-000E-8BF2-EE71CBD7B6F8}" dt="2023-09-10T15:22:51.722" v="195"/>
        <pc:sldMkLst>
          <pc:docMk/>
          <pc:sldMk cId="2900772686" sldId="277"/>
        </pc:sldMkLst>
        <pc:graphicFrameChg chg="add del">
          <ac:chgData name="Olivia Moe Kempel" userId="S::au692781@uni.au.dk::ac1fc121-b6f3-4cde-8cef-b1248cc16c92" providerId="AD" clId="Web-{AE6AE5B1-A3DC-000E-8BF2-EE71CBD7B6F8}" dt="2023-09-10T15:22:51.722" v="195"/>
          <ac:graphicFrameMkLst>
            <pc:docMk/>
            <pc:sldMk cId="2900772686" sldId="277"/>
            <ac:graphicFrameMk id="9" creationId="{16865D26-76EF-0F46-AAD0-8B5B0F68CC7B}"/>
          </ac:graphicFrameMkLst>
        </pc:graphicFrameChg>
      </pc:sldChg>
      <pc:sldChg chg="modSp">
        <pc:chgData name="Olivia Moe Kempel" userId="S::au692781@uni.au.dk::ac1fc121-b6f3-4cde-8cef-b1248cc16c92" providerId="AD" clId="Web-{AE6AE5B1-A3DC-000E-8BF2-EE71CBD7B6F8}" dt="2023-09-10T14:20:16.326" v="9" actId="20577"/>
        <pc:sldMkLst>
          <pc:docMk/>
          <pc:sldMk cId="1691200243" sldId="284"/>
        </pc:sldMkLst>
        <pc:spChg chg="mod">
          <ac:chgData name="Olivia Moe Kempel" userId="S::au692781@uni.au.dk::ac1fc121-b6f3-4cde-8cef-b1248cc16c92" providerId="AD" clId="Web-{AE6AE5B1-A3DC-000E-8BF2-EE71CBD7B6F8}" dt="2023-09-10T14:20:16.326" v="9" actId="20577"/>
          <ac:spMkLst>
            <pc:docMk/>
            <pc:sldMk cId="1691200243" sldId="284"/>
            <ac:spMk id="5" creationId="{C8D3F436-B7CA-C144-A54D-60AAC838FC4F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265E72-26A7-42C0-9685-B53FF6E734B4}" type="datetimeFigureOut">
              <a:t>12.09.2023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5BB0F79-791B-4D6B-97AF-D19F100F2F49}" type="slidenum"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7860564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5962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28914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38203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311309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87507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495628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011450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99746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6700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1608697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emf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16601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39936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5128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&amp;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techincal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Februiar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ievejleder		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-days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3" y="5997600"/>
            <a:ext cx="67985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13699844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7" name="FLD_Event">
            <a:extLst>
              <a:ext uri="{FF2B5EF4-FFF2-40B4-BE49-F238E27FC236}">
                <a16:creationId xmlns:a16="http://schemas.microsoft.com/office/drawing/2014/main" id="{81461C09-F1CD-7F43-821A-3C485931A10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27491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FFFFFF"/>
                </a:solidFill>
                <a:latin typeface="+mn-lt"/>
              </a:rPr>
              <a:t>Anne Kristensen</a:t>
            </a:r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6095" y="3443622"/>
            <a:ext cx="648169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2100" y="1520316"/>
            <a:ext cx="9545793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6095" y="3715432"/>
            <a:ext cx="7163077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917" y="2132856"/>
            <a:ext cx="2013173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&amp;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technical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2253" y="5997600"/>
            <a:ext cx="67985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740932" y="5986852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03649" y="5985511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ievejled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740932" y="60105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achelororienter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177507468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914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8" name="FLD_Event">
            <a:extLst>
              <a:ext uri="{FF2B5EF4-FFF2-40B4-BE49-F238E27FC236}">
                <a16:creationId xmlns:a16="http://schemas.microsoft.com/office/drawing/2014/main" id="{E532D6C0-A50F-9F4E-BF19-636FFD949DA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690485" y="600566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livia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o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kempel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Natural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&amp;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technical</a:t>
            </a: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bg1"/>
                </a:solidFill>
                <a:latin typeface="AU Passata Light" pitchFamily="34" charset="0"/>
              </a:rPr>
              <a:t>sciences</a:t>
            </a: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2253" y="5997600"/>
            <a:ext cx="67985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2294" y="5978013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09957" y="5877272"/>
            <a:ext cx="2983193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spc="0" baseline="0" dirty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r>
              <a:rPr lang="da-DK" sz="700" b="0" cap="all" spc="0" baseline="0" dirty="0">
                <a:solidFill>
                  <a:schemeClr val="bg1"/>
                </a:solidFill>
                <a:latin typeface="+mn-lt"/>
              </a:rPr>
              <a:t>Studievejled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achelororientering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pic>
        <p:nvPicPr>
          <p:cNvPr id="3357481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6" name="FLD_Event">
            <a:extLst>
              <a:ext uri="{FF2B5EF4-FFF2-40B4-BE49-F238E27FC236}">
                <a16:creationId xmlns:a16="http://schemas.microsoft.com/office/drawing/2014/main" id="{216E1345-F365-B146-BFB4-77E51CADFC4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690485" y="600566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livia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moe</a:t>
            </a: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kempel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6376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95" y="228628"/>
            <a:ext cx="1155901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373021"/>
            <a:ext cx="10222987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6376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83" y="230400"/>
            <a:ext cx="564573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1371600"/>
            <a:ext cx="4976521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821" y="315913"/>
            <a:ext cx="564558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4799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5" userDrawn="1">
          <p15:clr>
            <a:srgbClr val="A4A3A4"/>
          </p15:clr>
        </p15:guide>
        <p15:guide id="2" pos="3756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12196376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336" y="2694542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095" y="1484784"/>
            <a:ext cx="4976521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3010711"/>
            <a:ext cx="4976521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15913"/>
            <a:ext cx="564627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1780882"/>
            <a:ext cx="182636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sz="4799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1" userDrawn="1">
          <p15:clr>
            <a:srgbClr val="A4A3A4"/>
          </p15:clr>
        </p15:guide>
        <p15:guide id="2" pos="3756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11562611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797612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5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8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3" userDrawn="1">
          <p15:clr>
            <a:srgbClr val="A4A3A4"/>
          </p15:clr>
        </p15:guide>
        <p15:guide id="2" pos="3756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3223" y="316800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3" userDrawn="1">
          <p15:clr>
            <a:srgbClr val="A4A3A4"/>
          </p15:clr>
        </p15:guide>
        <p15:guide id="2" pos="3756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96" y="315913"/>
            <a:ext cx="1156001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6421" y="1412776"/>
            <a:ext cx="8499157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95" y="230400"/>
            <a:ext cx="11566212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849" y="1853461"/>
            <a:ext cx="6266328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98" y="328612"/>
            <a:ext cx="11553659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917" y="1022477"/>
            <a:ext cx="2013173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6019" y="1340768"/>
            <a:ext cx="1224455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9141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0034" y="2163364"/>
            <a:ext cx="2531931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4368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371451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1198" y="2098690"/>
            <a:ext cx="1274873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 sz="220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41478" y="2093601"/>
            <a:ext cx="4357619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982" y="3428551"/>
            <a:ext cx="929145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4368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Aarhus Universi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2" y="2804401"/>
            <a:ext cx="2720684" cy="129338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 dirty="0"/>
              <a:t>28-02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4368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19683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Pladsholder til sli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61499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77495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50103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453281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46007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4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AE9C44-9DAE-47EA-BF7B-527501938C3F}" type="datetimeFigureOut">
              <a:rPr lang="en-US" smtClean="0"/>
              <a:t>9/12/23</a:t>
            </a:fld>
            <a:endParaRPr lang="en-US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D0FC2E3-A69C-4D5E-9D0D-9F10D106B08F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05639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2" r:id="rId1"/>
    <p:sldLayoutId id="2147483684" r:id="rId2"/>
    <p:sldLayoutId id="2147483686" r:id="rId3"/>
    <p:sldLayoutId id="2147483652" r:id="rId4"/>
    <p:sldLayoutId id="2147483653" r:id="rId5"/>
    <p:sldLayoutId id="2147483683" r:id="rId6"/>
    <p:sldLayoutId id="2147483685" r:id="rId7"/>
    <p:sldLayoutId id="2147483681" r:id="rId8"/>
    <p:sldLayoutId id="2147483657" r:id="rId9"/>
    <p:sldLayoutId id="2147483687" r:id="rId10"/>
    <p:sldLayoutId id="21474836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96" y="149115"/>
            <a:ext cx="1156001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6095" y="1960079"/>
            <a:ext cx="10222987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241135363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698" y="1663088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738928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Bachelororientering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738928" y="5997600"/>
            <a:ext cx="2272432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09957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udievejled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9002"/>
            <a:ext cx="557715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0"/>
            <a:ext cx="71753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Natural </a:t>
            </a: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sciences</a:t>
            </a: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 &amp; </a:t>
            </a: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techincal</a:t>
            </a: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 </a:t>
            </a:r>
            <a:r>
              <a:rPr lang="da-DK" sz="600" cap="all" spc="40" baseline="0" dirty="0" err="1">
                <a:solidFill>
                  <a:schemeClr val="tx1"/>
                </a:solidFill>
                <a:latin typeface="AU Passata Light" pitchFamily="34" charset="0"/>
              </a:rPr>
              <a:t>sciences</a:t>
            </a: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2253" y="5997600"/>
            <a:ext cx="679850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11068" y="6581497"/>
            <a:ext cx="252066" cy="13914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/>
              <a:t>28-02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FLD_Event">
            <a:extLst>
              <a:ext uri="{FF2B5EF4-FFF2-40B4-BE49-F238E27FC236}">
                <a16:creationId xmlns:a16="http://schemas.microsoft.com/office/drawing/2014/main" id="{ED18F0F9-EA4F-1247-AF07-902C420B7D5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687889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Olivia 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moe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kempel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81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61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package" Target="../embeddings/Microsoft_Excel-regneark4.xlsx"/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regneark5.xlsx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20.emf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hyperlink" Target="https://studerende.au.dk/fileadmin/studerende.au.dk/ST/kemi/Kassogrammer/Sidefag/Kemi-sidefag-ikkeST.pdf" TargetMode="External"/><Relationship Id="rId3" Type="http://schemas.openxmlformats.org/officeDocument/2006/relationships/hyperlink" Target="https://studerende.au.dk/fileadmin/studerende.au.dk/ST/kemi/Kassogrammer/Sidefag/Kemi-sidefagMatematik.pdf" TargetMode="External"/><Relationship Id="rId7" Type="http://schemas.openxmlformats.org/officeDocument/2006/relationships/hyperlink" Target="https://studerende.au.dk/fileadmin/studerende.au.dk/ST/kemi/Kassogrammer/Sidefag/Kemi-sidefagInformatikProgrammering.pdf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4.xml"/><Relationship Id="rId6" Type="http://schemas.openxmlformats.org/officeDocument/2006/relationships/hyperlink" Target="https://studerende.au.dk/fileadmin/studerende.au.dk/ST/kemi/Kassogrammer/Sidefag/Kemi-sidefagIdraet.pdf" TargetMode="External"/><Relationship Id="rId5" Type="http://schemas.openxmlformats.org/officeDocument/2006/relationships/hyperlink" Target="https://studerende.au.dk/fileadmin/studerende.au.dk/ST/kemi/Kassogrammer/Sidefag/Kemi-sidefagBiologi.pdf" TargetMode="External"/><Relationship Id="rId4" Type="http://schemas.openxmlformats.org/officeDocument/2006/relationships/hyperlink" Target="https://studerende.au.dk/fileadmin/studerende.au.dk/ST/kemi/Kassogrammer/Sidefag/Kemi-sidefagFysik.pdf" TargetMode="Externa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bachelor.au.dk/tilvalg/ba-tilvalg/ansoegning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emf"/><Relationship Id="rId2" Type="http://schemas.openxmlformats.org/officeDocument/2006/relationships/package" Target="../embeddings/Microsoft_Excel-regneark6.xlsx"/><Relationship Id="rId1" Type="http://schemas.openxmlformats.org/officeDocument/2006/relationships/slideLayout" Target="../slideLayouts/slideLayout1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package" Target="../embeddings/Microsoft_Excel-regneark7.xlsx"/><Relationship Id="rId1" Type="http://schemas.openxmlformats.org/officeDocument/2006/relationships/slideLayout" Target="../slideLayouts/slideLayout1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2.sv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package" Target="../embeddings/Microsoft_Excel-regneark8.xlsx"/><Relationship Id="rId1" Type="http://schemas.openxmlformats.org/officeDocument/2006/relationships/slideLayout" Target="../slideLayouts/slideLayout1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4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4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image" Target="../media/image27.svg"/><Relationship Id="rId7" Type="http://schemas.openxmlformats.org/officeDocument/2006/relationships/image" Target="../media/image31.sv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30.png"/><Relationship Id="rId5" Type="http://schemas.openxmlformats.org/officeDocument/2006/relationships/image" Target="../media/image29.svg"/><Relationship Id="rId4" Type="http://schemas.openxmlformats.org/officeDocument/2006/relationships/image" Target="../media/image28.png"/><Relationship Id="rId9" Type="http://schemas.openxmlformats.org/officeDocument/2006/relationships/image" Target="../media/image33.sv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package" Target="../embeddings/Microsoft_Excel-regneark.xlsx"/><Relationship Id="rId1" Type="http://schemas.openxmlformats.org/officeDocument/2006/relationships/slideLayout" Target="../slideLayouts/slideLayout1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package" Target="../embeddings/Microsoft_Excel-regneark1.xlsx"/><Relationship Id="rId1" Type="http://schemas.openxmlformats.org/officeDocument/2006/relationships/slideLayout" Target="../slideLayouts/slideLayout1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package" Target="../embeddings/Microsoft_Excel-regneark2.xlsx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regneark3.xlsx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8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54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3433" y="2276872"/>
            <a:ext cx="9543307" cy="1022996"/>
          </a:xfrm>
        </p:spPr>
        <p:txBody>
          <a:bodyPr/>
          <a:lstStyle/>
          <a:p>
            <a:r>
              <a:rPr lang="da-DK" sz="4800" dirty="0">
                <a:latin typeface="AU Passata Light"/>
              </a:rPr>
              <a:t>Bachelororientering 2023</a:t>
            </a:r>
            <a:endParaRPr lang="da-DK" sz="4800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FFC000"/>
                </a:solidFill>
              </a:rPr>
              <a:t>Kemi og Medicinalkemi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2.09.2023</a:t>
            </a:fld>
            <a:r>
              <a:rPr lang="da-DK"/>
              <a:t>28-02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3229655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 -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emi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og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bioteknolog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7" name="Objekt 6">
            <a:extLst>
              <a:ext uri="{FF2B5EF4-FFF2-40B4-BE49-F238E27FC236}">
                <a16:creationId xmlns:a16="http://schemas.microsoft.com/office/drawing/2014/main" id="{524C438B-5EA9-E741-B78A-9CC8B67C095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90641048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7" name="Objekt 6">
                        <a:extLst>
                          <a:ext uri="{FF2B5EF4-FFF2-40B4-BE49-F238E27FC236}">
                            <a16:creationId xmlns:a16="http://schemas.microsoft.com/office/drawing/2014/main" id="{524C438B-5EA9-E741-B78A-9CC8B67C09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71894263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trukturkemi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ursus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altLang="da-DK" sz="1866" dirty="0">
                <a:solidFill>
                  <a:schemeClr val="bg1"/>
                </a:solidFill>
              </a:rPr>
              <a:t>Strukturkemi </a:t>
            </a:r>
            <a:r>
              <a:rPr lang="da-DK" altLang="da-DK" sz="1866" dirty="0" err="1">
                <a:solidFill>
                  <a:schemeClr val="bg1"/>
                </a:solidFill>
              </a:rPr>
              <a:t>IIa</a:t>
            </a:r>
            <a:r>
              <a:rPr lang="da-DK" altLang="da-DK" sz="1866" dirty="0">
                <a:solidFill>
                  <a:schemeClr val="bg1"/>
                </a:solidFill>
              </a:rPr>
              <a:t>: Spektroskopi i organisk kemi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Analyse af UV, IR, MS og NMR spektre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altLang="da-DK" sz="1866" dirty="0">
                <a:solidFill>
                  <a:schemeClr val="bg1"/>
                </a:solidFill>
              </a:rPr>
              <a:t>Strukturkemi </a:t>
            </a:r>
            <a:r>
              <a:rPr lang="da-DK" altLang="da-DK" sz="1866" dirty="0" err="1">
                <a:solidFill>
                  <a:schemeClr val="bg1"/>
                </a:solidFill>
              </a:rPr>
              <a:t>IIb</a:t>
            </a:r>
            <a:r>
              <a:rPr lang="da-DK" altLang="da-DK" sz="1866" dirty="0">
                <a:solidFill>
                  <a:schemeClr val="bg1"/>
                </a:solidFill>
              </a:rPr>
              <a:t>: Biofysisk kemi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sz="1866" dirty="0">
                <a:solidFill>
                  <a:schemeClr val="bg1"/>
                </a:solidFill>
              </a:rPr>
              <a:t>Karakterisering af biologiske makromolekylers struktur og dynamik</a:t>
            </a:r>
            <a:endParaRPr lang="da-DK" altLang="da-DK" sz="1866" dirty="0">
              <a:solidFill>
                <a:schemeClr val="bg1"/>
              </a:solidFill>
            </a:endParaRP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altLang="da-DK" sz="1866" dirty="0">
                <a:solidFill>
                  <a:schemeClr val="bg1"/>
                </a:solidFill>
              </a:rPr>
              <a:t>Strukturkemi </a:t>
            </a:r>
            <a:r>
              <a:rPr lang="da-DK" altLang="da-DK" sz="1866" dirty="0" err="1">
                <a:solidFill>
                  <a:schemeClr val="bg1"/>
                </a:solidFill>
              </a:rPr>
              <a:t>IIc</a:t>
            </a:r>
            <a:r>
              <a:rPr lang="da-DK" altLang="da-DK" sz="1866" dirty="0">
                <a:solidFill>
                  <a:schemeClr val="bg1"/>
                </a:solidFill>
              </a:rPr>
              <a:t>: Kemisk krystallografi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sz="1866" dirty="0">
                <a:solidFill>
                  <a:schemeClr val="bg1"/>
                </a:solidFill>
              </a:rPr>
              <a:t>Bestemmelse af krystalstrukturer ved hjælp af en-krystal røntgendiffraktion</a:t>
            </a:r>
          </a:p>
        </p:txBody>
      </p:sp>
    </p:spTree>
    <p:extLst>
      <p:ext uri="{BB962C8B-B14F-4D97-AF65-F5344CB8AC3E}">
        <p14:creationId xmlns:p14="http://schemas.microsoft.com/office/powerpoint/2010/main" val="5139946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Lineær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algebra beta 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endParaRPr lang="da-DK" sz="1866" dirty="0">
              <a:solidFill>
                <a:schemeClr val="bg1"/>
              </a:solidFill>
            </a:endParaRP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407A69D8-A653-DD4E-88D6-55FD8908DA96}"/>
              </a:ext>
            </a:extLst>
          </p:cNvPr>
          <p:cNvSpPr txBox="1">
            <a:spLocks/>
          </p:cNvSpPr>
          <p:nvPr/>
        </p:nvSpPr>
        <p:spPr bwMode="auto">
          <a:xfrm>
            <a:off x="616802" y="16371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431892" indent="-431892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altLang="da-DK" sz="1866" dirty="0">
                <a:solidFill>
                  <a:schemeClr val="bg1"/>
                </a:solidFill>
              </a:rPr>
              <a:t>Lineære transformationer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5 ECTS, efteråret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Anvendt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Svarer til første del af lineær algebra</a:t>
            </a:r>
          </a:p>
          <a:p>
            <a:pPr marL="431892" indent="-431892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altLang="da-DK" sz="1866" dirty="0">
                <a:solidFill>
                  <a:schemeClr val="bg1"/>
                </a:solidFill>
              </a:rPr>
              <a:t>Lineær algebra beta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5 ECTS, foråret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Bevisførelse</a:t>
            </a:r>
          </a:p>
          <a:p>
            <a:pPr marL="1204240" lvl="1" indent="-342900">
              <a:buClr>
                <a:srgbClr val="FFFFFF"/>
              </a:buClr>
            </a:pPr>
            <a:r>
              <a:rPr lang="da-DK" altLang="da-DK" sz="1866" dirty="0">
                <a:solidFill>
                  <a:schemeClr val="bg1"/>
                </a:solidFill>
              </a:rPr>
              <a:t>Hvis der ønskes sidefag i matematik, skal man have dette kursus</a:t>
            </a:r>
          </a:p>
        </p:txBody>
      </p:sp>
    </p:spTree>
    <p:extLst>
      <p:ext uri="{BB962C8B-B14F-4D97-AF65-F5344CB8AC3E}">
        <p14:creationId xmlns:p14="http://schemas.microsoft.com/office/powerpoint/2010/main" val="104777556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idefag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endParaRPr lang="da-DK" sz="1866" dirty="0">
              <a:solidFill>
                <a:schemeClr val="bg1"/>
              </a:solidFill>
            </a:endParaRP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407A69D8-A653-DD4E-88D6-55FD8908DA96}"/>
              </a:ext>
            </a:extLst>
          </p:cNvPr>
          <p:cNvSpPr txBox="1">
            <a:spLocks/>
          </p:cNvSpPr>
          <p:nvPr/>
        </p:nvSpPr>
        <p:spPr bwMode="auto">
          <a:xfrm>
            <a:off x="616802" y="16371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r>
              <a:rPr lang="da-DK" sz="1866" dirty="0">
                <a:solidFill>
                  <a:schemeClr val="bg1"/>
                </a:solidFill>
              </a:rPr>
              <a:t>Målrettet mod undervisningskompetence i gymnasieskolen</a:t>
            </a:r>
          </a:p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r>
              <a:rPr lang="da-DK" altLang="da-DK" sz="1866" kern="0" dirty="0">
                <a:solidFill>
                  <a:schemeClr val="bg1"/>
                </a:solidFill>
              </a:rPr>
              <a:t>Hovedfag/sidefag</a:t>
            </a:r>
          </a:p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r>
              <a:rPr lang="da-DK" altLang="da-DK" sz="1866" kern="0" dirty="0">
                <a:solidFill>
                  <a:schemeClr val="bg1"/>
                </a:solidFill>
              </a:rPr>
              <a:t>Er dit sidefag udenfor eller indenfor Nat</a:t>
            </a:r>
          </a:p>
          <a:p>
            <a:pPr marL="863892" lvl="1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</a:pPr>
            <a:r>
              <a:rPr lang="da-DK" altLang="da-DK" sz="1866" kern="0" dirty="0">
                <a:solidFill>
                  <a:schemeClr val="bg1"/>
                </a:solidFill>
              </a:rPr>
              <a:t>Hvis sidefaget er udenfor Nat er det på 120 ECTS</a:t>
            </a:r>
          </a:p>
          <a:p>
            <a:pPr marL="1187892" lvl="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</a:pPr>
            <a:r>
              <a:rPr lang="da-DK" altLang="da-DK" sz="1866" kern="0" dirty="0">
                <a:solidFill>
                  <a:schemeClr val="bg1"/>
                </a:solidFill>
              </a:rPr>
              <a:t>Kandidaten forlænges med ½ år</a:t>
            </a:r>
          </a:p>
          <a:p>
            <a:pPr marL="1187892" lvl="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</a:pPr>
            <a:r>
              <a:rPr lang="da-DK" altLang="da-DK" sz="1866" kern="0" dirty="0">
                <a:solidFill>
                  <a:schemeClr val="bg1"/>
                </a:solidFill>
              </a:rPr>
              <a:t>Rammeudvidelse. Man skal huske at søge om SU dertil</a:t>
            </a:r>
          </a:p>
          <a:p>
            <a:pPr marL="1041340" lvl="1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</a:pPr>
            <a:r>
              <a:rPr lang="da-DK" altLang="da-DK" sz="1866" kern="0" dirty="0">
                <a:solidFill>
                  <a:schemeClr val="bg1"/>
                </a:solidFill>
              </a:rPr>
              <a:t>Hvis sidefaget er indenfor for Nat er det </a:t>
            </a:r>
            <a:r>
              <a:rPr lang="da-DK" altLang="da-DK" sz="1866" kern="0" dirty="0" err="1">
                <a:solidFill>
                  <a:schemeClr val="bg1"/>
                </a:solidFill>
              </a:rPr>
              <a:t>maks</a:t>
            </a:r>
            <a:r>
              <a:rPr lang="da-DK" altLang="da-DK" sz="1866" kern="0" dirty="0">
                <a:solidFill>
                  <a:schemeClr val="bg1"/>
                </a:solidFill>
              </a:rPr>
              <a:t> 90 ECTS pga. overlappende kurser</a:t>
            </a:r>
          </a:p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r>
              <a:rPr lang="da-DK" altLang="da-DK" sz="1866" kern="0" dirty="0">
                <a:solidFill>
                  <a:schemeClr val="bg1"/>
                </a:solidFill>
              </a:rPr>
              <a:t>Kan kun vælges i fag der udbydes i gymnasieskolen</a:t>
            </a:r>
          </a:p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endParaRPr lang="da-DK" altLang="da-DK" sz="1866" kern="0" dirty="0">
              <a:solidFill>
                <a:schemeClr val="bg1"/>
              </a:solidFill>
            </a:endParaRPr>
          </a:p>
          <a:p>
            <a:pPr marL="431892" indent="-431892">
              <a:lnSpc>
                <a:spcPct val="95000"/>
              </a:lnSpc>
              <a:spcBef>
                <a:spcPts val="800"/>
              </a:spcBef>
              <a:buClr>
                <a:srgbClr val="FFFFFF"/>
              </a:buClr>
              <a:buSzPct val="75000"/>
              <a:buFont typeface="Arial" panose="020B0604020202020204" pitchFamily="34" charset="0"/>
              <a:buChar char="•"/>
            </a:pPr>
            <a:r>
              <a:rPr lang="da-DK" altLang="da-DK" sz="1866" kern="0" dirty="0">
                <a:solidFill>
                  <a:schemeClr val="bg1"/>
                </a:solidFill>
              </a:rPr>
              <a:t>Mulighed for undervisningskompetencer i kemi og bioteknologi for både kemi og medicinalkemi</a:t>
            </a:r>
          </a:p>
        </p:txBody>
      </p:sp>
    </p:spTree>
    <p:extLst>
      <p:ext uri="{BB962C8B-B14F-4D97-AF65-F5344CB8AC3E}">
        <p14:creationId xmlns:p14="http://schemas.microsoft.com/office/powerpoint/2010/main" val="89699516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idefa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inden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for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nat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endParaRPr lang="da-DK" sz="1866" dirty="0">
              <a:solidFill>
                <a:schemeClr val="bg1"/>
              </a:solidFill>
            </a:endParaRPr>
          </a:p>
        </p:txBody>
      </p:sp>
      <p:graphicFrame>
        <p:nvGraphicFramePr>
          <p:cNvPr id="9" name="Objekt 8">
            <a:extLst>
              <a:ext uri="{FF2B5EF4-FFF2-40B4-BE49-F238E27FC236}">
                <a16:creationId xmlns:a16="http://schemas.microsoft.com/office/drawing/2014/main" id="{1DC5D19F-E7EB-6E49-A9F1-FF04FB20701D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039225523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3" imgW="5791200" imgH="4889500" progId="Excel.Sheet.12">
                  <p:embed/>
                </p:oleObj>
              </mc:Choice>
              <mc:Fallback>
                <p:oleObj name="Regneark" r:id="rId3" imgW="5791200" imgH="4889500" progId="Excel.Sheet.12">
                  <p:embed/>
                  <p:pic>
                    <p:nvPicPr>
                      <p:cNvPr id="9" name="Objekt 8">
                        <a:extLst>
                          <a:ext uri="{FF2B5EF4-FFF2-40B4-BE49-F238E27FC236}">
                            <a16:creationId xmlns:a16="http://schemas.microsoft.com/office/drawing/2014/main" id="{1DC5D19F-E7EB-6E49-A9F1-FF04FB20701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12891408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Eksempler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på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sidefag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Matematik: </a:t>
            </a:r>
            <a:r>
              <a:rPr lang="da-DK" sz="1866" dirty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Matematik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Fysik: </a:t>
            </a:r>
            <a:r>
              <a:rPr lang="da-DK" sz="1866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Fysik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Biologi: </a:t>
            </a:r>
            <a:r>
              <a:rPr lang="da-DK" sz="1866" dirty="0">
                <a:solidFill>
                  <a:schemeClr val="bg1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Biologi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Idræt: </a:t>
            </a:r>
            <a:r>
              <a:rPr lang="da-DK" sz="1866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Idraet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Datalogi: </a:t>
            </a:r>
            <a:r>
              <a:rPr lang="da-DK" sz="1866" dirty="0">
                <a:solidFill>
                  <a:schemeClr val="bg1"/>
                </a:solidFill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InformatikProgrammering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r>
              <a:rPr lang="da-DK" sz="1866" b="1" dirty="0">
                <a:solidFill>
                  <a:schemeClr val="bg1"/>
                </a:solidFill>
              </a:rPr>
              <a:t>Uden for Nat: </a:t>
            </a:r>
            <a:r>
              <a:rPr lang="da-DK" sz="1866" dirty="0">
                <a:solidFill>
                  <a:schemeClr val="bg1"/>
                </a:solidFill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studerende.au.dk/fileadmin/studerende.au.dk/ST/kemi/Kassogrammer/Sidefag/Kemi-sidefag-ikkeST.pdf</a:t>
            </a:r>
            <a:endParaRPr lang="da-DK" sz="1866" dirty="0">
              <a:solidFill>
                <a:schemeClr val="bg1"/>
              </a:solidFill>
            </a:endParaRPr>
          </a:p>
          <a:p>
            <a:pPr lvl="0">
              <a:buClr>
                <a:srgbClr val="FFFFFF"/>
              </a:buClr>
              <a:buNone/>
            </a:pPr>
            <a:endParaRPr lang="da-DK" sz="1866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99507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Opta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på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sidefag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Clr>
                <a:schemeClr val="tx2"/>
              </a:buClr>
              <a:buNone/>
              <a:defRPr/>
            </a:pPr>
            <a:r>
              <a:rPr lang="da-DK" sz="1866" kern="0" dirty="0">
                <a:solidFill>
                  <a:schemeClr val="bg1"/>
                </a:solidFill>
              </a:rPr>
              <a:t>Der skal ansøges om tilvalg gennem AU’s ansøgningsprogram, som man kan tilgå på følgende måde:</a:t>
            </a:r>
          </a:p>
          <a:p>
            <a:pPr marL="717550" lvl="1" indent="-285750">
              <a:buClr>
                <a:srgbClr val="FFFFFF"/>
              </a:buClr>
              <a:defRPr/>
            </a:pPr>
            <a:r>
              <a:rPr lang="da-DK" sz="1800" dirty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bachelor.au.dk/tilvalg/ba-tilvalg/ansoegning</a:t>
            </a:r>
            <a:endParaRPr lang="da-DK" sz="1800" dirty="0">
              <a:solidFill>
                <a:schemeClr val="bg1"/>
              </a:solidFill>
            </a:endParaRPr>
          </a:p>
          <a:p>
            <a:pPr marL="431800" lvl="1" indent="0">
              <a:buClr>
                <a:srgbClr val="FFFFFF"/>
              </a:buClr>
              <a:buNone/>
              <a:defRPr/>
            </a:pPr>
            <a:endParaRPr lang="da-DK" sz="1866" kern="0" dirty="0">
              <a:solidFill>
                <a:schemeClr val="bg1"/>
              </a:solidFill>
            </a:endParaRPr>
          </a:p>
          <a:p>
            <a:pPr>
              <a:buClr>
                <a:schemeClr val="tx2"/>
              </a:buClr>
              <a:buNone/>
              <a:defRPr/>
            </a:pPr>
            <a:r>
              <a:rPr lang="da-DK" sz="1850" kern="0" dirty="0">
                <a:solidFill>
                  <a:schemeClr val="bg1"/>
                </a:solidFill>
                <a:sym typeface="Wingdings" pitchFamily="2" charset="2"/>
              </a:rPr>
              <a:t>Der åbnes for ansøgningsprogrammet i slut februar og der skal søges senest d. 15. April</a:t>
            </a:r>
            <a:endParaRPr lang="da-DK" sz="1850" kern="0" dirty="0">
              <a:solidFill>
                <a:schemeClr val="bg1"/>
              </a:solidFill>
            </a:endParaRPr>
          </a:p>
          <a:p>
            <a:pPr>
              <a:buNone/>
              <a:defRPr/>
            </a:pPr>
            <a:endParaRPr lang="da-DK" sz="1850" kern="0" dirty="0">
              <a:solidFill>
                <a:schemeClr val="bg1"/>
              </a:solidFill>
            </a:endParaRPr>
          </a:p>
          <a:p>
            <a:pPr>
              <a:buNone/>
              <a:defRPr/>
            </a:pPr>
            <a:r>
              <a:rPr lang="da-DK" sz="1900" kern="0" dirty="0">
                <a:solidFill>
                  <a:schemeClr val="bg1"/>
                </a:solidFill>
                <a:ea typeface="+mn-lt"/>
                <a:cs typeface="+mn-lt"/>
              </a:rPr>
              <a:t>Hvis sidefaget vælges indenfor Nat-Tech kan det startes som et tilvalg på 2. år og gøres til et sidefag ved starten på 3. år.</a:t>
            </a:r>
            <a:endParaRPr lang="da-DK" dirty="0">
              <a:solidFill>
                <a:schemeClr val="bg1"/>
              </a:solidFill>
            </a:endParaRPr>
          </a:p>
          <a:p>
            <a:pPr marL="251460" lvl="1" indent="-179705">
              <a:buClr>
                <a:schemeClr val="tx2"/>
              </a:buClr>
              <a:buFont typeface="Arial" panose="020B0604020202020204" pitchFamily="34" charset="0"/>
              <a:buNone/>
              <a:defRPr/>
            </a:pPr>
            <a:endParaRPr lang="da-DK" sz="1866" kern="0" dirty="0">
              <a:solidFill>
                <a:schemeClr val="bg1"/>
              </a:solidFill>
            </a:endParaRPr>
          </a:p>
          <a:p>
            <a:pPr>
              <a:buClr>
                <a:schemeClr val="tx2"/>
              </a:buClr>
              <a:buNone/>
              <a:defRPr/>
            </a:pPr>
            <a:r>
              <a:rPr lang="da-DK" sz="1866" kern="0" dirty="0">
                <a:solidFill>
                  <a:schemeClr val="bg1"/>
                </a:solidFill>
                <a:sym typeface="Wingdings" pitchFamily="2" charset="2"/>
              </a:rPr>
              <a:t>Hvis man tager et sidefag er det altid en god ide at snakke med studievejlederen for det studie, hvor man ønsker sidefag.</a:t>
            </a:r>
            <a:endParaRPr lang="da-DK" sz="1866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827655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Opta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på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sidefag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9B7726CE-352D-6843-940B-E9A90C7EB363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Clr>
                <a:schemeClr val="bg2">
                  <a:lumMod val="75000"/>
                </a:schemeClr>
              </a:buClr>
              <a:buNone/>
            </a:pPr>
            <a:r>
              <a:rPr lang="en-GB" kern="0" dirty="0">
                <a:solidFill>
                  <a:schemeClr val="bg1"/>
                </a:solidFill>
              </a:rPr>
              <a:t>Man </a:t>
            </a:r>
            <a:r>
              <a:rPr lang="en-GB" kern="0" dirty="0" err="1">
                <a:solidFill>
                  <a:schemeClr val="bg1"/>
                </a:solidFill>
              </a:rPr>
              <a:t>skal</a:t>
            </a:r>
            <a:r>
              <a:rPr lang="en-GB" kern="0" dirty="0">
                <a:solidFill>
                  <a:schemeClr val="bg1"/>
                </a:solidFill>
              </a:rPr>
              <a:t> </a:t>
            </a:r>
            <a:r>
              <a:rPr lang="en-GB" kern="0" dirty="0" err="1">
                <a:solidFill>
                  <a:schemeClr val="bg1"/>
                </a:solidFill>
              </a:rPr>
              <a:t>opfylde</a:t>
            </a:r>
            <a:r>
              <a:rPr lang="en-GB" kern="0" dirty="0">
                <a:solidFill>
                  <a:schemeClr val="bg1"/>
                </a:solidFill>
              </a:rPr>
              <a:t> de </a:t>
            </a:r>
            <a:r>
              <a:rPr lang="da-DK" kern="0" dirty="0">
                <a:solidFill>
                  <a:schemeClr val="bg1"/>
                </a:solidFill>
              </a:rPr>
              <a:t>generelle adgangskrav og niveaukrav der er for den bacheloruddannelse, som man ønsker at tage sidefag i.</a:t>
            </a:r>
          </a:p>
          <a:p>
            <a:pPr marL="1098550" lvl="2" indent="-342900">
              <a:buClr>
                <a:srgbClr val="FFFFFF"/>
              </a:buClr>
            </a:pPr>
            <a:r>
              <a:rPr lang="da-DK" kern="0" dirty="0">
                <a:solidFill>
                  <a:schemeClr val="bg1"/>
                </a:solidFill>
              </a:rPr>
              <a:t>Niveaukravene skal være opfyldt senest 1. august</a:t>
            </a:r>
          </a:p>
          <a:p>
            <a:pPr>
              <a:buClr>
                <a:schemeClr val="bg2">
                  <a:lumMod val="75000"/>
                </a:schemeClr>
              </a:buClr>
              <a:buNone/>
            </a:pPr>
            <a:endParaRPr lang="da-DK" kern="0" dirty="0">
              <a:solidFill>
                <a:schemeClr val="bg1"/>
              </a:solidFill>
            </a:endParaRPr>
          </a:p>
          <a:p>
            <a:pPr>
              <a:buClr>
                <a:schemeClr val="bg2">
                  <a:lumMod val="75000"/>
                </a:schemeClr>
              </a:buClr>
              <a:buNone/>
            </a:pPr>
            <a:r>
              <a:rPr lang="da-DK" kern="0" dirty="0">
                <a:solidFill>
                  <a:schemeClr val="bg1"/>
                </a:solidFill>
              </a:rPr>
              <a:t>Den 15. april skal man have bestået min. 60 ECTS</a:t>
            </a:r>
          </a:p>
          <a:p>
            <a:pPr>
              <a:buClr>
                <a:schemeClr val="bg2">
                  <a:lumMod val="75000"/>
                </a:schemeClr>
              </a:buClr>
              <a:buNone/>
            </a:pPr>
            <a:endParaRPr lang="da-DK" kern="0" dirty="0">
              <a:solidFill>
                <a:schemeClr val="bg1"/>
              </a:solidFill>
            </a:endParaRPr>
          </a:p>
          <a:p>
            <a:pPr>
              <a:buClr>
                <a:schemeClr val="bg2">
                  <a:lumMod val="75000"/>
                </a:schemeClr>
              </a:buClr>
              <a:buNone/>
            </a:pPr>
            <a:r>
              <a:rPr lang="da-DK" kern="0" dirty="0">
                <a:solidFill>
                  <a:schemeClr val="bg1"/>
                </a:solidFill>
              </a:rPr>
              <a:t>For Nat-Tech studerende der ønsker sidefag indenfor Nat-Tech kan der være et lavere ECTS krav</a:t>
            </a:r>
            <a:endParaRPr lang="en-GB" kern="0" dirty="0">
              <a:solidFill>
                <a:schemeClr val="bg1"/>
              </a:solidFill>
            </a:endParaRPr>
          </a:p>
          <a:p>
            <a:pPr>
              <a:buNone/>
            </a:pPr>
            <a:endParaRPr lang="da-DK" kern="0" dirty="0"/>
          </a:p>
          <a:p>
            <a:pPr>
              <a:buNone/>
            </a:pPr>
            <a:r>
              <a:rPr lang="da-DK" kern="0" dirty="0">
                <a:solidFill>
                  <a:schemeClr val="bg1"/>
                </a:solidFill>
              </a:rPr>
              <a:t>Man kan læse mere på bachelor.au.dk/tilvalg</a:t>
            </a:r>
            <a:r>
              <a:rPr lang="da-DK" kern="0" dirty="0"/>
              <a:t>.</a:t>
            </a:r>
            <a:endParaRPr lang="en-GB" kern="0" dirty="0"/>
          </a:p>
        </p:txBody>
      </p:sp>
    </p:spTree>
    <p:extLst>
      <p:ext uri="{BB962C8B-B14F-4D97-AF65-F5344CB8AC3E}">
        <p14:creationId xmlns:p14="http://schemas.microsoft.com/office/powerpoint/2010/main" val="106655475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er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på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Medicinal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11" name="Objekt 10">
            <a:extLst>
              <a:ext uri="{FF2B5EF4-FFF2-40B4-BE49-F238E27FC236}">
                <a16:creationId xmlns:a16="http://schemas.microsoft.com/office/drawing/2014/main" id="{FAE69B65-D2D2-204E-9D69-681F073F747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986061309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11" name="Objekt 10">
                        <a:extLst>
                          <a:ext uri="{FF2B5EF4-FFF2-40B4-BE49-F238E27FC236}">
                            <a16:creationId xmlns:a16="http://schemas.microsoft.com/office/drawing/2014/main" id="{FAE69B65-D2D2-204E-9D69-681F073F747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6028471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Medicinalkemi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–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organisk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C509F32F-A834-7E4B-BBCF-EC65E195360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110182262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6" name="Objekt 5">
                        <a:extLst>
                          <a:ext uri="{FF2B5EF4-FFF2-40B4-BE49-F238E27FC236}">
                            <a16:creationId xmlns:a16="http://schemas.microsoft.com/office/drawing/2014/main" id="{C509F32F-A834-7E4B-BBCF-EC65E195360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2251124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>
                <a:solidFill>
                  <a:srgbClr val="FFFFFF"/>
                </a:solidFill>
                <a:latin typeface="+mj-lt"/>
              </a:rPr>
              <a:t>Agenda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C8D3F436-B7CA-C144-A54D-60AAC838FC4F}"/>
              </a:ext>
            </a:extLst>
          </p:cNvPr>
          <p:cNvSpPr/>
          <p:nvPr/>
        </p:nvSpPr>
        <p:spPr>
          <a:xfrm>
            <a:off x="479377" y="951751"/>
            <a:ext cx="6092825" cy="2677656"/>
          </a:xfrm>
          <a:prstGeom prst="rect">
            <a:avLst/>
          </a:prstGeom>
        </p:spPr>
        <p:txBody>
          <a:bodyPr lIns="91440" tIns="45720" rIns="91440" bIns="45720" anchor="t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Udlandsophol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Specialisering - kemi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Sidefa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Specialisering - medicinalkemi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>
                <a:solidFill>
                  <a:schemeClr val="bg1"/>
                </a:solidFill>
              </a:rPr>
              <a:t>Studiekontrakt 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2800" dirty="0">
                <a:solidFill>
                  <a:schemeClr val="bg1"/>
                </a:solidFill>
              </a:rPr>
              <a:t>Spørgsmål</a:t>
            </a:r>
          </a:p>
        </p:txBody>
      </p:sp>
      <p:pic>
        <p:nvPicPr>
          <p:cNvPr id="6" name="Grafik 5" descr="Skriveplade afkrydset med massiv udfyldning">
            <a:extLst>
              <a:ext uri="{FF2B5EF4-FFF2-40B4-BE49-F238E27FC236}">
                <a16:creationId xmlns:a16="http://schemas.microsoft.com/office/drawing/2014/main" id="{E6748122-8E94-3B46-AC71-040F2DB681A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464153" y="1196753"/>
            <a:ext cx="3007791" cy="3007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120024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Medicinalkemi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–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Biofysisk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6" name="Objekt 5">
            <a:extLst>
              <a:ext uri="{FF2B5EF4-FFF2-40B4-BE49-F238E27FC236}">
                <a16:creationId xmlns:a16="http://schemas.microsoft.com/office/drawing/2014/main" id="{9C985459-1EDD-C14E-B941-4B71B96A52C3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607659305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6" name="Objekt 5">
                        <a:extLst>
                          <a:ext uri="{FF2B5EF4-FFF2-40B4-BE49-F238E27FC236}">
                            <a16:creationId xmlns:a16="http://schemas.microsoft.com/office/drawing/2014/main" id="{9C985459-1EDD-C14E-B941-4B71B96A52C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51693166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kern="0" dirty="0">
                <a:latin typeface="+mj-lt"/>
              </a:rPr>
              <a:t>studiekontrakt</a:t>
            </a:r>
          </a:p>
        </p:txBody>
      </p:sp>
      <p:sp>
        <p:nvSpPr>
          <p:cNvPr id="13" name="Pladsholder til tekst 4">
            <a:extLst>
              <a:ext uri="{FF2B5EF4-FFF2-40B4-BE49-F238E27FC236}">
                <a16:creationId xmlns:a16="http://schemas.microsoft.com/office/drawing/2014/main" id="{9176A48F-BE11-1643-8A31-8DC82C5D1F44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r>
              <a:rPr lang="da-DK" kern="0" dirty="0">
                <a:solidFill>
                  <a:schemeClr val="bg1"/>
                </a:solidFill>
              </a:rPr>
              <a:t>Skal udfyldes første gang der startes på et ikke obligatorisk kursus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</a:rPr>
              <a:t>Forsøg at lave detaljeret og realistisk gæt.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</a:rPr>
              <a:t>Angiv en specialisering på 30 ECTS, indiker gerne hvad det andet er.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</a:rPr>
              <a:t>Udfyld så vidt muligt 60 ECTS pr. Studieår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r>
              <a:rPr lang="da-DK" kern="0" dirty="0">
                <a:solidFill>
                  <a:schemeClr val="bg1"/>
                </a:solidFill>
              </a:rPr>
              <a:t>Findes på: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 err="1">
                <a:solidFill>
                  <a:schemeClr val="bg1"/>
                </a:solidFill>
              </a:rPr>
              <a:t>studerende.au.dk</a:t>
            </a:r>
            <a:r>
              <a:rPr lang="da-DK" kern="0" dirty="0">
                <a:solidFill>
                  <a:schemeClr val="bg1"/>
                </a:solidFill>
              </a:rPr>
              <a:t>/kemi under </a:t>
            </a: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 </a:t>
            </a:r>
            <a:r>
              <a:rPr lang="da-DK" kern="0" dirty="0">
                <a:solidFill>
                  <a:schemeClr val="bg1"/>
                </a:solidFill>
              </a:rPr>
              <a:t>undervisning </a:t>
            </a: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 studiekontrakter </a:t>
            </a:r>
            <a:r>
              <a:rPr lang="da-DK" b="1" kern="0" dirty="0">
                <a:solidFill>
                  <a:schemeClr val="bg1"/>
                </a:solidFill>
                <a:sym typeface="Wingdings" pitchFamily="2" charset="2"/>
              </a:rPr>
              <a:t>eller </a:t>
            </a: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på </a:t>
            </a:r>
            <a:r>
              <a:rPr lang="da-DK" kern="0" dirty="0" err="1">
                <a:solidFill>
                  <a:schemeClr val="bg1"/>
                </a:solidFill>
                <a:sym typeface="Wingdings" pitchFamily="2" charset="2"/>
              </a:rPr>
              <a:t>mitstudie.au.dk</a:t>
            </a:r>
            <a:endParaRPr lang="da-DK" kern="0" dirty="0">
              <a:solidFill>
                <a:schemeClr val="bg1"/>
              </a:solidFill>
              <a:sym typeface="Wingdings" pitchFamily="2" charset="2"/>
            </a:endParaRP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Studieportalen  undervisning  </a:t>
            </a:r>
            <a:r>
              <a:rPr lang="da-DK" kern="0" dirty="0" err="1">
                <a:solidFill>
                  <a:schemeClr val="bg1"/>
                </a:solidFill>
                <a:sym typeface="Wingdings" pitchFamily="2" charset="2"/>
              </a:rPr>
              <a:t>kassogrammer</a:t>
            </a: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 for video, der viser, hvordan den laves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  <a:defRPr/>
            </a:pP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Senest afleveringsdato: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For kurser tilhørende forårssemestret: 1. november </a:t>
            </a:r>
            <a:r>
              <a:rPr lang="mr-IN" kern="0" dirty="0">
                <a:solidFill>
                  <a:schemeClr val="bg1"/>
                </a:solidFill>
                <a:sym typeface="Wingdings" pitchFamily="2" charset="2"/>
              </a:rPr>
              <a:t>–</a:t>
            </a: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 men aflever hurtigst muligt, så den kan blive godkendt hurtigst muligt! </a:t>
            </a:r>
          </a:p>
          <a:p>
            <a:pPr marL="1494900" lvl="3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Kursustilmelding til forårssemestret 1. - 5. november</a:t>
            </a:r>
          </a:p>
          <a:p>
            <a:pPr marL="1098900" lvl="2" indent="-342900">
              <a:buClr>
                <a:srgbClr val="FFFFFF"/>
              </a:buClr>
              <a:defRPr/>
            </a:pPr>
            <a:r>
              <a:rPr lang="da-DK" kern="0" dirty="0">
                <a:solidFill>
                  <a:schemeClr val="bg1"/>
                </a:solidFill>
                <a:sym typeface="Wingdings" pitchFamily="2" charset="2"/>
              </a:rPr>
              <a:t>For kurser tilhørende efterårssemestret: 1. maj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.</a:t>
            </a:r>
            <a:endParaRPr lang="en-GB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387992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kern="0" dirty="0">
                <a:latin typeface="+mj-lt"/>
              </a:rPr>
              <a:t>Studieportalen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9DF10C35-6991-BC2F-5C16-EA9428DB310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3866" y="849791"/>
            <a:ext cx="10303271" cy="5248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15858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 err="1">
                <a:solidFill>
                  <a:srgbClr val="FFFFFF"/>
                </a:solidFill>
                <a:latin typeface="+mj-lt"/>
              </a:rPr>
              <a:t>Forsinkelse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DCA5436-1AE0-0346-ABB7-3C8EE8BCF088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dirty="0">
                <a:solidFill>
                  <a:schemeClr val="bg1"/>
                </a:solidFill>
              </a:rPr>
              <a:t>Hvis du er forsinket så tag kontakt til studievejleder Olivia Moe Kempel eller din uddannelsesansvarlige.</a:t>
            </a:r>
          </a:p>
          <a:p>
            <a:pPr marL="1835785" lvl="5" indent="-179705">
              <a:buClr>
                <a:srgbClr val="FFFFFF"/>
              </a:buClr>
            </a:pPr>
            <a:r>
              <a:rPr lang="da-DK" dirty="0">
                <a:solidFill>
                  <a:schemeClr val="bg1"/>
                </a:solidFill>
              </a:rPr>
              <a:t>Kemi: Jørgen Skibsted</a:t>
            </a:r>
          </a:p>
          <a:p>
            <a:pPr marL="1835785" lvl="5" indent="-179705">
              <a:buClr>
                <a:srgbClr val="FFFFFF"/>
              </a:buClr>
            </a:pPr>
            <a:r>
              <a:rPr lang="da-DK" dirty="0">
                <a:solidFill>
                  <a:schemeClr val="bg1"/>
                </a:solidFill>
              </a:rPr>
              <a:t>Medicinalkemi: Henrik Helligsø Jensen</a:t>
            </a:r>
          </a:p>
          <a:p>
            <a:pPr marL="1655445" lvl="5" indent="0">
              <a:buClr>
                <a:srgbClr val="FFFFFF"/>
              </a:buClr>
              <a:buNone/>
            </a:pPr>
            <a:endParaRPr lang="da-DK" dirty="0">
              <a:solidFill>
                <a:schemeClr val="bg1"/>
              </a:solidFill>
            </a:endParaRPr>
          </a:p>
          <a:p>
            <a:pPr marL="1835785" lvl="5" indent="-179705">
              <a:buClr>
                <a:srgbClr val="FFFFFF"/>
              </a:buClr>
            </a:pPr>
            <a:endParaRPr lang="da-DK" dirty="0">
              <a:solidFill>
                <a:schemeClr val="bg1"/>
              </a:solidFill>
            </a:endParaRP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Maksimal studietid udløber 1 år efter den normerede studietid.</a:t>
            </a:r>
            <a:endParaRPr lang="en-GB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45709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 err="1">
                <a:solidFill>
                  <a:srgbClr val="FFFFFF"/>
                </a:solidFill>
                <a:latin typeface="+mj-lt"/>
              </a:rPr>
              <a:t>sikkerhedskursus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DCA5436-1AE0-0346-ABB7-3C8EE8BCF088}"/>
              </a:ext>
            </a:extLst>
          </p:cNvPr>
          <p:cNvSpPr txBox="1">
            <a:spLocks/>
          </p:cNvSpPr>
          <p:nvPr/>
        </p:nvSpPr>
        <p:spPr bwMode="auto">
          <a:xfrm>
            <a:off x="464402" y="1484784"/>
            <a:ext cx="11262198" cy="4247688"/>
          </a:xfrm>
          <a:prstGeom prst="rect">
            <a:avLst/>
          </a:prstGeom>
          <a:solidFill>
            <a:srgbClr val="002546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Obligatorisk kursus i arbejdsmiljø, sikkerhed og brandbekæmpelse</a:t>
            </a:r>
          </a:p>
          <a:p>
            <a:pPr marL="1098900" lvl="2" indent="-342900">
              <a:buClr>
                <a:srgbClr val="FFFFFF"/>
              </a:buClr>
            </a:pPr>
            <a:r>
              <a:rPr lang="da-DK" kern="0" dirty="0">
                <a:solidFill>
                  <a:schemeClr val="bg1"/>
                </a:solidFill>
              </a:rPr>
              <a:t>”</a:t>
            </a:r>
            <a:r>
              <a:rPr lang="en-US" kern="0" dirty="0">
                <a:solidFill>
                  <a:schemeClr val="bg1"/>
                </a:solidFill>
              </a:rPr>
              <a:t>Occupational safety training and fire fighting”</a:t>
            </a:r>
            <a:endParaRPr lang="da-DK" kern="0" dirty="0">
              <a:solidFill>
                <a:schemeClr val="bg1"/>
              </a:solidFill>
            </a:endParaRP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b="1" u="sng" kern="0" dirty="0">
                <a:solidFill>
                  <a:schemeClr val="bg1"/>
                </a:solidFill>
              </a:rPr>
              <a:t>Skal</a:t>
            </a:r>
            <a:r>
              <a:rPr lang="da-DK" kern="0" dirty="0">
                <a:solidFill>
                  <a:schemeClr val="bg1"/>
                </a:solidFill>
              </a:rPr>
              <a:t> bestås inden bachelorprojekt påbegyndes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Afholdes 2 gange årligt (2 dage)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Find kurset på </a:t>
            </a:r>
            <a:r>
              <a:rPr lang="da-DK" kern="0" dirty="0" err="1">
                <a:solidFill>
                  <a:schemeClr val="bg1"/>
                </a:solidFill>
              </a:rPr>
              <a:t>Brightspace</a:t>
            </a:r>
            <a:r>
              <a:rPr lang="da-DK" kern="0" dirty="0">
                <a:solidFill>
                  <a:schemeClr val="bg1"/>
                </a:solidFill>
              </a:rPr>
              <a:t>/kursuskataloget og søg information her</a:t>
            </a: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Tilmelding sker på </a:t>
            </a:r>
            <a:r>
              <a:rPr lang="da-DK" kern="0" dirty="0" err="1">
                <a:solidFill>
                  <a:schemeClr val="bg1"/>
                </a:solidFill>
              </a:rPr>
              <a:t>Brightspace</a:t>
            </a:r>
            <a:endParaRPr lang="da-DK" kern="0" dirty="0">
              <a:solidFill>
                <a:schemeClr val="bg1"/>
              </a:solidFill>
            </a:endParaRPr>
          </a:p>
          <a:p>
            <a:pPr marL="342900" indent="-342900">
              <a:buClr>
                <a:srgbClr val="FFFFFF"/>
              </a:buClr>
              <a:buFont typeface="Arial" panose="020B0604020202020204" pitchFamily="34" charset="0"/>
              <a:buChar char="•"/>
            </a:pPr>
            <a:r>
              <a:rPr lang="da-DK" kern="0" dirty="0">
                <a:solidFill>
                  <a:schemeClr val="bg1"/>
                </a:solidFill>
              </a:rPr>
              <a:t>Kursusansvarlig er Peter Hald</a:t>
            </a:r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D415F657-C8BC-B5D0-5C65-EFAF9EB6A9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11824" y="3429496"/>
            <a:ext cx="6575506" cy="266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563534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kern="0" dirty="0" err="1">
                <a:solidFill>
                  <a:srgbClr val="FFFFFF"/>
                </a:solidFill>
                <a:latin typeface="+mj-lt"/>
              </a:rPr>
              <a:t>Spørgsmål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pic>
        <p:nvPicPr>
          <p:cNvPr id="6" name="Grafik 5" descr="Spørgsmålstegn med massiv udfyldning">
            <a:extLst>
              <a:ext uri="{FF2B5EF4-FFF2-40B4-BE49-F238E27FC236}">
                <a16:creationId xmlns:a16="http://schemas.microsoft.com/office/drawing/2014/main" id="{8094CD04-0368-A34F-9A3F-901BF967AA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812634" y="2098475"/>
            <a:ext cx="914400" cy="914400"/>
          </a:xfrm>
          <a:prstGeom prst="rect">
            <a:avLst/>
          </a:prstGeom>
        </p:spPr>
      </p:pic>
      <p:pic>
        <p:nvPicPr>
          <p:cNvPr id="8" name="Grafik 7" descr="Spørgsmål med massiv udfyldning">
            <a:extLst>
              <a:ext uri="{FF2B5EF4-FFF2-40B4-BE49-F238E27FC236}">
                <a16:creationId xmlns:a16="http://schemas.microsoft.com/office/drawing/2014/main" id="{9FB010F5-811B-374A-A09F-D34F3E57895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812634" y="4174232"/>
            <a:ext cx="914400" cy="914400"/>
          </a:xfrm>
          <a:prstGeom prst="rect">
            <a:avLst/>
          </a:prstGeom>
        </p:spPr>
      </p:pic>
      <p:pic>
        <p:nvPicPr>
          <p:cNvPr id="10" name="Grafik 9" descr="Badge Spørgsmålstegn med massiv udfyldning">
            <a:extLst>
              <a:ext uri="{FF2B5EF4-FFF2-40B4-BE49-F238E27FC236}">
                <a16:creationId xmlns:a16="http://schemas.microsoft.com/office/drawing/2014/main" id="{32A373D3-A14C-4C44-AC3E-42F13A7A18B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655840" y="2098475"/>
            <a:ext cx="914400" cy="914400"/>
          </a:xfrm>
          <a:prstGeom prst="rect">
            <a:avLst/>
          </a:prstGeom>
        </p:spPr>
      </p:pic>
      <p:pic>
        <p:nvPicPr>
          <p:cNvPr id="12" name="Grafik 11" descr="Tanke med massiv udfyldning">
            <a:extLst>
              <a:ext uri="{FF2B5EF4-FFF2-40B4-BE49-F238E27FC236}">
                <a16:creationId xmlns:a16="http://schemas.microsoft.com/office/drawing/2014/main" id="{98DA1E4B-9843-EF49-9A3B-710983F3B0B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4655840" y="4174232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298253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0343363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kern="0" dirty="0" err="1">
                <a:latin typeface="+mj-lt"/>
              </a:rPr>
              <a:t>Mitstudie.au.dk</a:t>
            </a:r>
            <a:endParaRPr lang="da-DK" sz="4000" kern="0" dirty="0">
              <a:latin typeface="+mj-lt"/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7C7ADBB7-AB28-B80F-2DFE-5A4C964F4F8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4211" y="1157995"/>
            <a:ext cx="11103579" cy="45420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11696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sz="4000" kern="0" dirty="0">
                <a:latin typeface="+mj-lt"/>
              </a:rPr>
              <a:t>Studerende.au.dk/kemi</a:t>
            </a:r>
          </a:p>
        </p:txBody>
      </p:sp>
      <p:pic>
        <p:nvPicPr>
          <p:cNvPr id="5" name="Billede 4" descr="Et billede, der indeholder tekst, skærmbillede, software, Webside&#10;&#10;Beskrivelsen er genereret automatisk">
            <a:extLst>
              <a:ext uri="{FF2B5EF4-FFF2-40B4-BE49-F238E27FC236}">
                <a16:creationId xmlns:a16="http://schemas.microsoft.com/office/drawing/2014/main" id="{84348B3C-B124-57FB-DB70-93BF05A0581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32021" y="938510"/>
            <a:ext cx="10126784" cy="52170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80835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er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på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15" name="Objekt 14">
            <a:extLst>
              <a:ext uri="{FF2B5EF4-FFF2-40B4-BE49-F238E27FC236}">
                <a16:creationId xmlns:a16="http://schemas.microsoft.com/office/drawing/2014/main" id="{F459D506-9A28-BA45-A436-53D6679997E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997392868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15" name="Objekt 14">
                        <a:extLst>
                          <a:ext uri="{FF2B5EF4-FFF2-40B4-BE49-F238E27FC236}">
                            <a16:creationId xmlns:a16="http://schemas.microsoft.com/office/drawing/2014/main" id="{F459D506-9A28-BA45-A436-53D6679997E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76898273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5488627A-6334-9D45-A05D-57AF5FCBB5FB}"/>
              </a:ext>
            </a:extLst>
          </p:cNvPr>
          <p:cNvSpPr txBox="1">
            <a:spLocks/>
          </p:cNvSpPr>
          <p:nvPr/>
        </p:nvSpPr>
        <p:spPr>
          <a:xfrm>
            <a:off x="642520" y="1448691"/>
            <a:ext cx="10905962" cy="3960618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800" kern="0" dirty="0">
                <a:solidFill>
                  <a:schemeClr val="bg1"/>
                </a:solidFill>
              </a:rPr>
              <a:t>Rammer: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En kursuspakke på mindst 30 ECTS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Skal sikre en progression inden for et fagligt delområde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Der skal indgå mindst en Specialisering på bachelor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Der skal indgå mindst en Specialisering på kandidat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Der kan indgå valgfri elementer i et Specialisering, valgt ud fra en pulje af kurser</a:t>
            </a:r>
          </a:p>
          <a:p>
            <a:pPr>
              <a:buClr>
                <a:srgbClr val="FFFFFF"/>
              </a:buClr>
            </a:pPr>
            <a:r>
              <a:rPr lang="da-DK" sz="1800" kern="0" dirty="0">
                <a:solidFill>
                  <a:schemeClr val="bg1"/>
                </a:solidFill>
              </a:rPr>
              <a:t>Specialisering kan erstattes med: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Udlandsophold (et semester)</a:t>
            </a:r>
          </a:p>
          <a:p>
            <a:pPr lvl="1">
              <a:buClr>
                <a:srgbClr val="FFFFFF"/>
              </a:buClr>
            </a:pPr>
            <a:r>
              <a:rPr lang="da-DK" sz="1600" kern="0" dirty="0">
                <a:solidFill>
                  <a:schemeClr val="bg1"/>
                </a:solidFill>
              </a:rPr>
              <a:t>Tilvalg på 45 ECTS uden for det centrale fag </a:t>
            </a:r>
          </a:p>
          <a:p>
            <a:r>
              <a:rPr lang="da-DK" sz="1800" kern="0" dirty="0">
                <a:solidFill>
                  <a:schemeClr val="bg1"/>
                </a:solidFill>
              </a:rPr>
              <a:t>Studerende, der ønsker </a:t>
            </a:r>
            <a:r>
              <a:rPr lang="da-DK" sz="1800" kern="0" dirty="0" err="1">
                <a:solidFill>
                  <a:schemeClr val="bg1"/>
                </a:solidFill>
              </a:rPr>
              <a:t>to-fags</a:t>
            </a:r>
            <a:r>
              <a:rPr lang="da-DK" sz="1800" kern="0" dirty="0">
                <a:solidFill>
                  <a:schemeClr val="bg1"/>
                </a:solidFill>
              </a:rPr>
              <a:t> undervisningskompetence til gymnasieskolen, bruger deres specialisering + valgfrie kurser til at få undervisningskompetence i det andet fag. </a:t>
            </a:r>
          </a:p>
        </p:txBody>
      </p:sp>
    </p:spTree>
    <p:extLst>
      <p:ext uri="{BB962C8B-B14F-4D97-AF65-F5344CB8AC3E}">
        <p14:creationId xmlns:p14="http://schemas.microsoft.com/office/powerpoint/2010/main" val="29823161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mph" presetSubtype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indefinite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7" dur="indefinite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indefinite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0" dur="indefinite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indefinite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3" dur="indefinite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indefinite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6" dur="indefinite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indefinite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19" dur="indefinite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indefinite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22" dur="indefinite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9" presetClass="emph" presetSubtype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indefinite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33" dur="indefinite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indefinite"/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36" dur="indefinite"/>
                                        <p:tgtEl>
                                          <p:spTgt spid="7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9" presetClass="emph" presetSubtype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indefinite"/>
                                        <p:tgtEl>
                                          <p:spTgt spid="7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opacity</p:attrName>
                                        </p:attrNameLst>
                                      </p:cBhvr>
                                      <p:to>
                                        <p:strVal val="0.5"/>
                                      </p:to>
                                    </p:set>
                                    <p:animEffect filter="image" prLst="opacity: 0.5">
                                      <p:cBhvr rctx="IE">
                                        <p:cTn id="39" dur="indefinite"/>
                                        <p:tgtEl>
                                          <p:spTgt spid="7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–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organisk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9" name="Objekt 8">
            <a:extLst>
              <a:ext uri="{FF2B5EF4-FFF2-40B4-BE49-F238E27FC236}">
                <a16:creationId xmlns:a16="http://schemas.microsoft.com/office/drawing/2014/main" id="{16865D26-76EF-0F46-AAD0-8B5B0F68CC7B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39547251"/>
              </p:ext>
            </p:extLst>
          </p:nvPr>
        </p:nvGraphicFramePr>
        <p:xfrm>
          <a:off x="3200400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9" name="Objekt 8">
                        <a:extLst>
                          <a:ext uri="{FF2B5EF4-FFF2-40B4-BE49-F238E27FC236}">
                            <a16:creationId xmlns:a16="http://schemas.microsoft.com/office/drawing/2014/main" id="{16865D26-76EF-0F46-AAD0-8B5B0F68CC7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0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29007726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>
                <a:solidFill>
                  <a:srgbClr val="FFFFFF"/>
                </a:solidFill>
                <a:latin typeface="+mj-lt"/>
              </a:rPr>
              <a:t>Specialisering – fysisk 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graphicFrame>
        <p:nvGraphicFramePr>
          <p:cNvPr id="7" name="Objekt 6">
            <a:extLst>
              <a:ext uri="{FF2B5EF4-FFF2-40B4-BE49-F238E27FC236}">
                <a16:creationId xmlns:a16="http://schemas.microsoft.com/office/drawing/2014/main" id="{2DFE883E-BFC8-9042-BCDD-10E31976EF0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095554816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2" imgW="5791200" imgH="4889500" progId="Excel.Sheet.12">
                  <p:embed/>
                </p:oleObj>
              </mc:Choice>
              <mc:Fallback>
                <p:oleObj name="Regneark" r:id="rId2" imgW="5791200" imgH="4889500" progId="Excel.Sheet.12">
                  <p:embed/>
                  <p:pic>
                    <p:nvPicPr>
                      <p:cNvPr id="7" name="Objekt 6">
                        <a:extLst>
                          <a:ext uri="{FF2B5EF4-FFF2-40B4-BE49-F238E27FC236}">
                            <a16:creationId xmlns:a16="http://schemas.microsoft.com/office/drawing/2014/main" id="{2DFE883E-BFC8-9042-BCDD-10E31976EF0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41413369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987C588-5052-D04C-B095-2552A547B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7245-90C0-8A47-8EF5-1C1713F7D0D3}" type="datetime1">
              <a:rPr lang="da-DK" smtClean="0"/>
              <a:t>12.09.2023</a:t>
            </a:fld>
            <a:r>
              <a:rPr lang="da-DK"/>
              <a:t>28-02-2018</a:t>
            </a:r>
            <a:endParaRPr lang="da-DK" dirty="0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F62E6DE-A677-BB43-9E58-850B041B4F4A}"/>
              </a:ext>
            </a:extLst>
          </p:cNvPr>
          <p:cNvSpPr txBox="1">
            <a:spLocks/>
          </p:cNvSpPr>
          <p:nvPr/>
        </p:nvSpPr>
        <p:spPr bwMode="auto">
          <a:xfrm>
            <a:off x="317501" y="327678"/>
            <a:ext cx="11556000" cy="5539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4000" dirty="0" err="1">
                <a:solidFill>
                  <a:srgbClr val="FFFFFF"/>
                </a:solidFill>
                <a:latin typeface="+mj-lt"/>
              </a:rPr>
              <a:t>Specialisering</a:t>
            </a:r>
            <a:r>
              <a:rPr lang="en-GB" sz="4000" dirty="0">
                <a:solidFill>
                  <a:srgbClr val="FFFFFF"/>
                </a:solidFill>
                <a:latin typeface="+mj-lt"/>
              </a:rPr>
              <a:t> – </a:t>
            </a:r>
            <a:r>
              <a:rPr lang="en-GB" sz="4000" dirty="0" err="1">
                <a:solidFill>
                  <a:srgbClr val="FFFFFF"/>
                </a:solidFill>
                <a:latin typeface="+mj-lt"/>
              </a:rPr>
              <a:t>materialekemi</a:t>
            </a:r>
            <a:endParaRPr lang="da-DK" sz="4000" kern="0" dirty="0">
              <a:solidFill>
                <a:srgbClr val="FFFFFF"/>
              </a:solidFill>
              <a:latin typeface="+mj-lt"/>
            </a:endParaRP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4407EB61-7D81-5041-B85E-E9687A07DC14}"/>
              </a:ext>
            </a:extLst>
          </p:cNvPr>
          <p:cNvSpPr txBox="1"/>
          <p:nvPr/>
        </p:nvSpPr>
        <p:spPr>
          <a:xfrm>
            <a:off x="9192345" y="1089899"/>
            <a:ext cx="2854053" cy="39764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</a:rPr>
              <a:t>Noter: I specialiseringen indgår på 5. og evt. 6. semester kurset ”Materialekemi II: Eksperimentel Materialekemi” samt mindst 10 ECTS kurser fra valggruppen: 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bg1"/>
                </a:solidFill>
              </a:rPr>
              <a:t>Statistisk Fysik og Faststoffysik (10 ECTS, efterår)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bg1"/>
                </a:solidFill>
              </a:rPr>
              <a:t>Kvantemekanik I (10 ECTS, efterår)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bg1"/>
                </a:solidFill>
              </a:rPr>
              <a:t>Fysisk kemi II: Reaktionsdynamik (10 ECTS, efterår)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bg1"/>
                </a:solidFill>
              </a:rPr>
              <a:t>Modellering </a:t>
            </a:r>
            <a:r>
              <a:rPr lang="da-DK" sz="1600" dirty="0" err="1">
                <a:solidFill>
                  <a:schemeClr val="bg1"/>
                </a:solidFill>
              </a:rPr>
              <a:t>IIb</a:t>
            </a:r>
            <a:r>
              <a:rPr lang="da-DK" sz="1600" dirty="0">
                <a:solidFill>
                  <a:schemeClr val="bg1"/>
                </a:solidFill>
              </a:rPr>
              <a:t>: Computational </a:t>
            </a:r>
            <a:r>
              <a:rPr lang="da-DK" sz="1600" dirty="0" err="1">
                <a:solidFill>
                  <a:schemeClr val="bg1"/>
                </a:solidFill>
              </a:rPr>
              <a:t>Chemistry</a:t>
            </a:r>
            <a:r>
              <a:rPr lang="da-DK" sz="1600" dirty="0">
                <a:solidFill>
                  <a:schemeClr val="bg1"/>
                </a:solidFill>
              </a:rPr>
              <a:t> (10 ECTS, forår)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600" dirty="0">
                <a:solidFill>
                  <a:schemeClr val="bg1"/>
                </a:solidFill>
              </a:rPr>
              <a:t>Polymerkemi (10 ECTS, forår)</a:t>
            </a:r>
          </a:p>
          <a:p>
            <a:pPr>
              <a:lnSpc>
                <a:spcPct val="95000"/>
              </a:lnSpc>
            </a:pPr>
            <a:endParaRPr lang="en-US" sz="1600" dirty="0">
              <a:solidFill>
                <a:schemeClr val="bg1"/>
              </a:solidFill>
              <a:latin typeface="+mn-lt"/>
            </a:endParaRPr>
          </a:p>
        </p:txBody>
      </p:sp>
      <p:graphicFrame>
        <p:nvGraphicFramePr>
          <p:cNvPr id="12" name="Objekt 11">
            <a:extLst>
              <a:ext uri="{FF2B5EF4-FFF2-40B4-BE49-F238E27FC236}">
                <a16:creationId xmlns:a16="http://schemas.microsoft.com/office/drawing/2014/main" id="{E10435C5-5508-3D4A-B273-08166B4C824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198855507"/>
              </p:ext>
            </p:extLst>
          </p:nvPr>
        </p:nvGraphicFramePr>
        <p:xfrm>
          <a:off x="3200401" y="984250"/>
          <a:ext cx="5791200" cy="48895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Regneark" r:id="rId3" imgW="5791200" imgH="4889500" progId="Excel.Sheet.12">
                  <p:embed/>
                </p:oleObj>
              </mc:Choice>
              <mc:Fallback>
                <p:oleObj name="Regneark" r:id="rId3" imgW="5791200" imgH="4889500" progId="Excel.Sheet.12">
                  <p:embed/>
                  <p:pic>
                    <p:nvPicPr>
                      <p:cNvPr id="12" name="Objekt 11">
                        <a:extLst>
                          <a:ext uri="{FF2B5EF4-FFF2-40B4-BE49-F238E27FC236}">
                            <a16:creationId xmlns:a16="http://schemas.microsoft.com/office/drawing/2014/main" id="{E10435C5-5508-3D4A-B273-08166B4C824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3200401" y="984250"/>
                        <a:ext cx="5791200" cy="48895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1084363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Kontor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AU 16:9">
  <a:themeElements>
    <a:clrScheme name="Brugerdefineret 1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349b7393-d612-414e-a275-f5b493dccc82">
      <Terms xmlns="http://schemas.microsoft.com/office/infopath/2007/PartnerControls"/>
    </lcf76f155ced4ddcb4097134ff3c332f>
    <TaxCatchAll xmlns="a6663ccf-d1d2-4c6a-8f07-b44be42cf5d5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C3FC3C62838846408F14A2CC61C596A9" ma:contentTypeVersion="17" ma:contentTypeDescription="Opret et nyt dokument." ma:contentTypeScope="" ma:versionID="645d2dc567a00756c9319c7e98fd2601">
  <xsd:schema xmlns:xsd="http://www.w3.org/2001/XMLSchema" xmlns:xs="http://www.w3.org/2001/XMLSchema" xmlns:p="http://schemas.microsoft.com/office/2006/metadata/properties" xmlns:ns2="349b7393-d612-414e-a275-f5b493dccc82" xmlns:ns3="a6663ccf-d1d2-4c6a-8f07-b44be42cf5d5" targetNamespace="http://schemas.microsoft.com/office/2006/metadata/properties" ma:root="true" ma:fieldsID="a7252426c93b32cc8c56e553fe389b32" ns2:_="" ns3:_="">
    <xsd:import namespace="349b7393-d612-414e-a275-f5b493dccc82"/>
    <xsd:import namespace="a6663ccf-d1d2-4c6a-8f07-b44be42cf5d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OCR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49b7393-d612-414e-a275-f5b493dccc8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5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ledmærker" ma:readOnly="false" ma:fieldId="{5cf76f15-5ced-4ddc-b409-7134ff3c332f}" ma:taxonomyMulti="true" ma:sspId="5cd08861-88c0-49b2-8510-903f698cfa7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6663ccf-d1d2-4c6a-8f07-b44be42cf5d5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f075124f-d8d9-4236-910c-e0120ce927cc}" ma:internalName="TaxCatchAll" ma:showField="CatchAllData" ma:web="a6663ccf-d1d2-4c6a-8f07-b44be42cf5d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03E634A-61A7-4C52-8B88-63C5A424D2A5}">
  <ds:schemaRefs>
    <ds:schemaRef ds:uri="http://purl.org/dc/terms/"/>
    <ds:schemaRef ds:uri="349b7393-d612-414e-a275-f5b493dccc82"/>
    <ds:schemaRef ds:uri="http://schemas.microsoft.com/office/2006/metadata/properties"/>
    <ds:schemaRef ds:uri="http://schemas.microsoft.com/office/2006/documentManagement/types"/>
    <ds:schemaRef ds:uri="http://purl.org/dc/dcmitype/"/>
    <ds:schemaRef ds:uri="a6663ccf-d1d2-4c6a-8f07-b44be42cf5d5"/>
    <ds:schemaRef ds:uri="http://www.w3.org/XML/1998/namespace"/>
    <ds:schemaRef ds:uri="http://purl.org/dc/elements/1.1/"/>
    <ds:schemaRef ds:uri="http://schemas.microsoft.com/office/infopath/2007/PartnerControls"/>
    <ds:schemaRef ds:uri="http://schemas.openxmlformats.org/package/2006/metadata/core-properties"/>
  </ds:schemaRefs>
</ds:datastoreItem>
</file>

<file path=customXml/itemProps2.xml><?xml version="1.0" encoding="utf-8"?>
<ds:datastoreItem xmlns:ds="http://schemas.openxmlformats.org/officeDocument/2006/customXml" ds:itemID="{0E997C4A-FC84-49A4-9EFE-3EAC3C480D4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77E92FB-CF20-485A-A9D0-A249ED4AC18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49b7393-d612-414e-a275-f5b493dccc82"/>
    <ds:schemaRef ds:uri="a6663ccf-d1d2-4c6a-8f07-b44be42cf5d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7</TotalTime>
  <Words>986</Words>
  <Application>Microsoft Macintosh PowerPoint</Application>
  <PresentationFormat>Widescreen</PresentationFormat>
  <Paragraphs>154</Paragraphs>
  <Slides>26</Slides>
  <Notes>10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2</vt:i4>
      </vt:variant>
      <vt:variant>
        <vt:lpstr>Integrerede OLE-servere</vt:lpstr>
      </vt:variant>
      <vt:variant>
        <vt:i4>2</vt:i4>
      </vt:variant>
      <vt:variant>
        <vt:lpstr>Slidetitler</vt:lpstr>
      </vt:variant>
      <vt:variant>
        <vt:i4>26</vt:i4>
      </vt:variant>
    </vt:vector>
  </HeadingPairs>
  <TitlesOfParts>
    <vt:vector size="38" baseType="lpstr">
      <vt:lpstr>Arial</vt:lpstr>
      <vt:lpstr>AU Passata</vt:lpstr>
      <vt:lpstr>AU Passata Light</vt:lpstr>
      <vt:lpstr>AU Peto</vt:lpstr>
      <vt:lpstr>Calibri</vt:lpstr>
      <vt:lpstr>Calibri Light</vt:lpstr>
      <vt:lpstr>Georgia</vt:lpstr>
      <vt:lpstr>Wingdings 3</vt:lpstr>
      <vt:lpstr>Kontortema</vt:lpstr>
      <vt:lpstr>AU 16:9</vt:lpstr>
      <vt:lpstr>Regneark</vt:lpstr>
      <vt:lpstr>Microsoft Excel-regneark</vt:lpstr>
      <vt:lpstr>Bachelororientering 2023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/>
  <cp:lastModifiedBy>Olivia Moe Kempel</cp:lastModifiedBy>
  <cp:revision>40</cp:revision>
  <dcterms:created xsi:type="dcterms:W3CDTF">2023-08-14T16:23:07Z</dcterms:created>
  <dcterms:modified xsi:type="dcterms:W3CDTF">2023-09-12T08:29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3FC3C62838846408F14A2CC61C596A9</vt:lpwstr>
  </property>
  <property fmtid="{D5CDD505-2E9C-101B-9397-08002B2CF9AE}" pid="3" name="MediaServiceImageTags">
    <vt:lpwstr/>
  </property>
</Properties>
</file>